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filterPrivacy="1" defaultThemeVersion="124226"/>
  <xr:revisionPtr revIDLastSave="0" documentId="13_ncr:1_{7DC56D95-422F-4399-BBBE-990A044837C0}" xr6:coauthVersionLast="47" xr6:coauthVersionMax="47" xr10:uidLastSave="{00000000-0000-0000-0000-000000000000}"/>
  <bookViews>
    <workbookView xWindow="-120" yWindow="-120" windowWidth="29040" windowHeight="15720" xr2:uid="{2F003647-3C2A-4D17-82B0-AB212086F3BA}"/>
  </bookViews>
  <sheets>
    <sheet name="大阪市税等に関する誓約書" sheetId="1" r:id="rId1"/>
  </sheets>
  <externalReferences>
    <externalReference r:id="rId2"/>
    <externalReference r:id="rId3"/>
    <externalReference r:id="rId4"/>
  </externalReferences>
  <definedNames>
    <definedName name="_xlnm.Print_Area" localSheetId="0">大阪市税等に関する誓約書!#REF!</definedName>
    <definedName name="一覧">#REF!</definedName>
    <definedName name="金額">INDIRECT([1]資格審査シート!$L$3)</definedName>
    <definedName name="契管契約">INDIRECT([1]資格審査シート!$S$3)</definedName>
    <definedName name="事業年度">INDIRECT([1]資格審査シート!$W$3)</definedName>
    <definedName name="受注制限">INDIRECT([1]資格審査シート!$AD$3)</definedName>
    <definedName name="祝日一覧">[2]祝日!$A$1:$K$49</definedName>
    <definedName name="図形">INDIRECT([3]資格審査シート!$AD$3)</definedName>
    <definedName name="地域要件">INDIRECT([3]資格審査シート!$AD$3)</definedName>
    <definedName name="低入">INDIRECT([1]資格審査シート!$AA$3)</definedName>
    <definedName name="同時受注制限">INDIRECT([3]資格審査シート!$AH$3)</definedName>
    <definedName name="判定">INDIRECT([1]資格審査シート!$L$3)</definedName>
    <definedName name="有無">INDIRECT([1]資格審査シート!$AH$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0" uniqueCount="20">
  <si>
    <t>大 阪 市 契 約 担 当 者　　様</t>
  </si>
  <si>
    <t>主たる営業所</t>
    <phoneticPr fontId="2"/>
  </si>
  <si>
    <t>(又は支店等)</t>
    <phoneticPr fontId="2"/>
  </si>
  <si>
    <t>の所在地</t>
    <phoneticPr fontId="2"/>
  </si>
  <si>
    <t>商号又は名称</t>
    <phoneticPr fontId="2"/>
  </si>
  <si>
    <t>代表者</t>
    <rPh sb="0" eb="3">
      <t>ダイヒョウシャ</t>
    </rPh>
    <phoneticPr fontId="2"/>
  </si>
  <si>
    <t>(又は受任者)</t>
    <phoneticPr fontId="2"/>
  </si>
  <si>
    <t>役職・氏名</t>
    <phoneticPr fontId="2"/>
  </si>
  <si>
    <t>（受任者の設定がある場合は受任者名とすること）</t>
    <rPh sb="1" eb="4">
      <t>ジュニンシャ</t>
    </rPh>
    <rPh sb="5" eb="7">
      <t>セッテイ</t>
    </rPh>
    <rPh sb="10" eb="12">
      <t>バアイ</t>
    </rPh>
    <rPh sb="13" eb="16">
      <t>ジュニンシャ</t>
    </rPh>
    <rPh sb="16" eb="17">
      <t>メイ</t>
    </rPh>
    <phoneticPr fontId="2"/>
  </si>
  <si>
    <t>法人の場合：登記上の本店所在地</t>
    <phoneticPr fontId="2"/>
  </si>
  <si>
    <t>個人事業主の場合：代表者の住民票上の住所</t>
    <rPh sb="0" eb="5">
      <t>コジンジギョウヌシ</t>
    </rPh>
    <rPh sb="6" eb="8">
      <t>バアイ</t>
    </rPh>
    <rPh sb="9" eb="12">
      <t>ダイヒョウシャ</t>
    </rPh>
    <rPh sb="13" eb="17">
      <t>ジュウミンヒョウジョウ</t>
    </rPh>
    <rPh sb="18" eb="20">
      <t>ジュウショ</t>
    </rPh>
    <phoneticPr fontId="2"/>
  </si>
  <si>
    <t>　次の事項について誓約します。</t>
    <rPh sb="1" eb="2">
      <t>ツギ</t>
    </rPh>
    <rPh sb="3" eb="5">
      <t>ジコウ</t>
    </rPh>
    <phoneticPr fontId="2"/>
  </si>
  <si>
    <t>　記</t>
    <rPh sb="1" eb="2">
      <t>シル</t>
    </rPh>
    <phoneticPr fontId="2"/>
  </si>
  <si>
    <t>大阪市税等に関する誓約書</t>
    <rPh sb="0" eb="3">
      <t>オオサカシ</t>
    </rPh>
    <rPh sb="3" eb="4">
      <t>ゼイ</t>
    </rPh>
    <rPh sb="4" eb="5">
      <t>トウ</t>
    </rPh>
    <rPh sb="6" eb="7">
      <t>カン</t>
    </rPh>
    <rPh sb="9" eb="12">
      <t>セイヤクショ</t>
    </rPh>
    <phoneticPr fontId="2"/>
  </si>
  <si>
    <t>・証券受託及び分納については、完納とみなしません。</t>
    <phoneticPr fontId="2"/>
  </si>
  <si>
    <t>注）</t>
    <phoneticPr fontId="2"/>
  </si>
  <si>
    <t>・延滞金について、地方税法及び大阪市市税条例の規定により計算した金額がかかりますので、納期限後に納付されている場合等は十分ご確認ください。</t>
    <phoneticPr fontId="2"/>
  </si>
  <si>
    <t>なお、納税証明書では延滞金の未納の有無は確認できませんのでご注意ください。</t>
    <phoneticPr fontId="2"/>
  </si>
  <si>
    <r>
      <t>　・当社が納付すべき大阪市税に係る徴収金（法人市民税、市・府民税・森林環境税[普通徴収]、市・府民税・森林環境税[特別徴収]、固定資産税・都市計画税[土地・家屋]、固定資産税[償却資産]、軽自動車税、事業所税、市たばこ税、入湯税、延滞金、重加算金、不申告加算金、過少申告加算金、滞納処分費）を</t>
    </r>
    <r>
      <rPr>
        <u/>
        <sz val="18"/>
        <rFont val="ＭＳ Ｐ明朝"/>
        <family val="1"/>
        <charset val="128"/>
      </rPr>
      <t>完納</t>
    </r>
    <r>
      <rPr>
        <u/>
        <sz val="12"/>
        <rFont val="ＭＳ Ｐ明朝"/>
        <family val="1"/>
        <charset val="128"/>
      </rPr>
      <t>注）</t>
    </r>
    <r>
      <rPr>
        <u/>
        <sz val="18"/>
        <rFont val="ＭＳ Ｐ明朝"/>
        <family val="1"/>
        <charset val="128"/>
      </rPr>
      <t>していること</t>
    </r>
    <r>
      <rPr>
        <sz val="18"/>
        <rFont val="ＭＳ Ｐ明朝"/>
        <family val="1"/>
        <charset val="128"/>
      </rPr>
      <t xml:space="preserve">
・当社が納付すべき消費税及び地方消費税に未納がないこと
・上記事実と相違する場合、当該案件にかかる認定を取り消されても、異議のないこと</t>
    </r>
    <rPh sb="200" eb="202">
      <t>アンケン</t>
    </rPh>
    <phoneticPr fontId="2"/>
  </si>
  <si>
    <t>令和　　　年　　月　　日</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name val="ＭＳ Ｐゴシック"/>
      <family val="3"/>
      <charset val="128"/>
    </font>
    <font>
      <sz val="11"/>
      <name val="ＭＳ Ｐ明朝"/>
      <family val="1"/>
      <charset val="128"/>
    </font>
    <font>
      <sz val="6"/>
      <name val="ＭＳ Ｐゴシック"/>
      <family val="3"/>
      <charset val="128"/>
    </font>
    <font>
      <sz val="14"/>
      <name val="ＭＳ Ｐ明朝"/>
      <family val="1"/>
      <charset val="128"/>
    </font>
    <font>
      <sz val="12"/>
      <name val="ＭＳ Ｐ明朝"/>
      <family val="1"/>
      <charset val="128"/>
    </font>
    <font>
      <sz val="20"/>
      <name val="ＭＳ Ｐゴシック"/>
      <family val="3"/>
      <charset val="128"/>
    </font>
    <font>
      <sz val="10"/>
      <name val="ＭＳ Ｐ明朝"/>
      <family val="1"/>
      <charset val="128"/>
    </font>
    <font>
      <sz val="18"/>
      <name val="ＭＳ Ｐ明朝"/>
      <family val="1"/>
      <charset val="128"/>
    </font>
    <font>
      <u/>
      <sz val="18"/>
      <name val="ＭＳ Ｐ明朝"/>
      <family val="1"/>
      <charset val="128"/>
    </font>
    <font>
      <sz val="18"/>
      <name val="ＭＳ Ｐゴシック"/>
      <family val="3"/>
      <charset val="128"/>
    </font>
    <font>
      <u/>
      <sz val="12"/>
      <name val="ＭＳ Ｐ明朝"/>
      <family val="1"/>
      <charset val="128"/>
    </font>
  </fonts>
  <fills count="2">
    <fill>
      <patternFill patternType="none"/>
    </fill>
    <fill>
      <patternFill patternType="gray125"/>
    </fill>
  </fills>
  <borders count="3">
    <border>
      <left/>
      <right/>
      <top/>
      <bottom/>
      <diagonal/>
    </border>
    <border>
      <left/>
      <right/>
      <top/>
      <bottom style="thin">
        <color indexed="64"/>
      </bottom>
      <diagonal/>
    </border>
    <border>
      <left/>
      <right/>
      <top style="thin">
        <color indexed="64"/>
      </top>
      <bottom style="thin">
        <color indexed="64"/>
      </bottom>
      <diagonal/>
    </border>
  </borders>
  <cellStyleXfs count="1">
    <xf numFmtId="0" fontId="0" fillId="0" borderId="0"/>
  </cellStyleXfs>
  <cellXfs count="29">
    <xf numFmtId="0" fontId="0" fillId="0" borderId="0" xfId="0"/>
    <xf numFmtId="0" fontId="1" fillId="0" borderId="0" xfId="0" applyFont="1"/>
    <xf numFmtId="0" fontId="3" fillId="0" borderId="0" xfId="0" applyFont="1"/>
    <xf numFmtId="0" fontId="3" fillId="0" borderId="0" xfId="0" applyFont="1" applyAlignment="1">
      <alignment horizontal="right"/>
    </xf>
    <xf numFmtId="0" fontId="4" fillId="0" borderId="0" xfId="0" applyFont="1"/>
    <xf numFmtId="0" fontId="3" fillId="0" borderId="0" xfId="0" applyFont="1" applyAlignment="1">
      <alignment horizontal="right" vertical="center"/>
    </xf>
    <xf numFmtId="0" fontId="3" fillId="0" borderId="0" xfId="0" applyFont="1" applyAlignment="1">
      <alignment horizontal="left" vertical="center"/>
    </xf>
    <xf numFmtId="0" fontId="3" fillId="0" borderId="0" xfId="0" applyFont="1" applyAlignment="1">
      <alignment horizontal="left" vertical="top"/>
    </xf>
    <xf numFmtId="0" fontId="4" fillId="0" borderId="0" xfId="0" applyFont="1" applyAlignment="1">
      <alignment horizontal="left" vertical="top"/>
    </xf>
    <xf numFmtId="0" fontId="1" fillId="0" borderId="0" xfId="0" applyFont="1" applyAlignment="1">
      <alignment horizontal="left" vertical="center"/>
    </xf>
    <xf numFmtId="49" fontId="3" fillId="0" borderId="0" xfId="0" applyNumberFormat="1" applyFont="1" applyAlignment="1">
      <alignment horizontal="right" vertical="top"/>
    </xf>
    <xf numFmtId="0" fontId="3" fillId="0" borderId="0" xfId="0" applyFont="1" applyAlignment="1">
      <alignment vertical="top"/>
    </xf>
    <xf numFmtId="0" fontId="3" fillId="0" borderId="1" xfId="0" applyFont="1" applyBorder="1"/>
    <xf numFmtId="0" fontId="6" fillId="0" borderId="0" xfId="0" applyFont="1"/>
    <xf numFmtId="0" fontId="3" fillId="0" borderId="2" xfId="0" applyFont="1" applyBorder="1" applyAlignment="1">
      <alignment horizontal="left" vertical="top"/>
    </xf>
    <xf numFmtId="0" fontId="3" fillId="0" borderId="2" xfId="0" applyFont="1" applyBorder="1"/>
    <xf numFmtId="0" fontId="7" fillId="0" borderId="0" xfId="0" applyFont="1" applyAlignment="1">
      <alignment horizontal="left" vertical="center"/>
    </xf>
    <xf numFmtId="20" fontId="4" fillId="0" borderId="0" xfId="0" applyNumberFormat="1" applyFont="1"/>
    <xf numFmtId="0" fontId="3" fillId="0" borderId="1" xfId="0" applyFont="1" applyBorder="1" applyAlignment="1">
      <alignment horizontal="left" vertical="top"/>
    </xf>
    <xf numFmtId="0" fontId="3" fillId="0" borderId="0" xfId="0" applyFont="1" applyAlignment="1">
      <alignment horizontal="left" vertical="top" wrapText="1"/>
    </xf>
    <xf numFmtId="0" fontId="5" fillId="0" borderId="0" xfId="0" applyFont="1" applyAlignment="1">
      <alignment horizontal="center" vertical="center"/>
    </xf>
    <xf numFmtId="0" fontId="3" fillId="0" borderId="0" xfId="0" applyFont="1" applyAlignment="1">
      <alignment horizontal="center" vertical="center"/>
    </xf>
    <xf numFmtId="0" fontId="7" fillId="0" borderId="0" xfId="0" applyFont="1" applyAlignment="1">
      <alignment horizontal="left" vertical="distributed" wrapText="1"/>
    </xf>
    <xf numFmtId="0" fontId="7" fillId="0" borderId="0" xfId="0" applyFont="1" applyAlignment="1">
      <alignment horizontal="left" vertical="distributed"/>
    </xf>
    <xf numFmtId="0" fontId="9" fillId="0" borderId="0" xfId="0" applyFont="1" applyAlignment="1">
      <alignment horizontal="left" vertical="distributed"/>
    </xf>
    <xf numFmtId="0" fontId="0" fillId="0" borderId="0" xfId="0" applyAlignment="1">
      <alignment horizontal="left" vertical="distributed"/>
    </xf>
    <xf numFmtId="0" fontId="3" fillId="0" borderId="0" xfId="0" applyFont="1" applyAlignment="1">
      <alignment horizontal="center"/>
    </xf>
    <xf numFmtId="0" fontId="3" fillId="0" borderId="1" xfId="0" applyFont="1" applyBorder="1" applyAlignment="1">
      <alignment horizontal="center"/>
    </xf>
    <xf numFmtId="0" fontId="3" fillId="0" borderId="2" xfId="0" applyFont="1" applyBorder="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0</xdr:colOff>
      <xdr:row>0</xdr:row>
      <xdr:rowOff>0</xdr:rowOff>
    </xdr:to>
    <xdr:sp macro="" textlink="">
      <xdr:nvSpPr>
        <xdr:cNvPr id="2" name="Rectangle 3">
          <a:extLst>
            <a:ext uri="{FF2B5EF4-FFF2-40B4-BE49-F238E27FC236}">
              <a16:creationId xmlns:a16="http://schemas.microsoft.com/office/drawing/2014/main" id="{315B06F6-61CD-4080-9354-B6BAC4687FE3}"/>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 name="Rectangle 4">
          <a:extLst>
            <a:ext uri="{FF2B5EF4-FFF2-40B4-BE49-F238E27FC236}">
              <a16:creationId xmlns:a16="http://schemas.microsoft.com/office/drawing/2014/main" id="{43404FBF-FFF1-4F75-AA9D-A6D703578A63}"/>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4" name="Rectangle 7">
          <a:extLst>
            <a:ext uri="{FF2B5EF4-FFF2-40B4-BE49-F238E27FC236}">
              <a16:creationId xmlns:a16="http://schemas.microsoft.com/office/drawing/2014/main" id="{8CC7A6BB-4848-4D6F-AFCC-BEA4BAF655F5}"/>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5" name="Rectangle 8">
          <a:extLst>
            <a:ext uri="{FF2B5EF4-FFF2-40B4-BE49-F238E27FC236}">
              <a16:creationId xmlns:a16="http://schemas.microsoft.com/office/drawing/2014/main" id="{9F0D52D7-0DCF-4053-A963-0F510B7B908E}"/>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Ｂ社</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6" name="Rectangle 9">
          <a:extLst>
            <a:ext uri="{FF2B5EF4-FFF2-40B4-BE49-F238E27FC236}">
              <a16:creationId xmlns:a16="http://schemas.microsoft.com/office/drawing/2014/main" id="{77A4D25E-BA6F-46F8-A97B-7A9D5359873F}"/>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Ｃ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7" name="Rectangle 10">
          <a:extLst>
            <a:ext uri="{FF2B5EF4-FFF2-40B4-BE49-F238E27FC236}">
              <a16:creationId xmlns:a16="http://schemas.microsoft.com/office/drawing/2014/main" id="{E971A8CA-D91A-458E-91B6-133314F3BE8C}"/>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8" name="Rectangle 11">
          <a:extLst>
            <a:ext uri="{FF2B5EF4-FFF2-40B4-BE49-F238E27FC236}">
              <a16:creationId xmlns:a16="http://schemas.microsoft.com/office/drawing/2014/main" id="{1AB3192E-18DB-4224-868A-30A312972598}"/>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Ｂ社</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9" name="Rectangle 12">
          <a:extLst>
            <a:ext uri="{FF2B5EF4-FFF2-40B4-BE49-F238E27FC236}">
              <a16:creationId xmlns:a16="http://schemas.microsoft.com/office/drawing/2014/main" id="{0DBAD90D-5AAD-4391-BC86-FAE2AF3A6D07}"/>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Ｃ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0" name="Rectangle 15">
          <a:extLst>
            <a:ext uri="{FF2B5EF4-FFF2-40B4-BE49-F238E27FC236}">
              <a16:creationId xmlns:a16="http://schemas.microsoft.com/office/drawing/2014/main" id="{1EA053F5-EFB1-4D24-A234-55367E640518}"/>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1" name="Rectangle 16">
          <a:extLst>
            <a:ext uri="{FF2B5EF4-FFF2-40B4-BE49-F238E27FC236}">
              <a16:creationId xmlns:a16="http://schemas.microsoft.com/office/drawing/2014/main" id="{DBBF079D-BA0E-40A7-B050-8286C2A0D573}"/>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en-US" altLang="ja-JP" sz="1100" b="0" i="0" u="none" strike="noStrike" baseline="0">
              <a:solidFill>
                <a:srgbClr val="000000"/>
              </a:solidFill>
              <a:latin typeface="ＭＳ Ｐゴシック"/>
              <a:ea typeface="ＭＳ Ｐゴシック"/>
            </a:rPr>
            <a:t>B</a:t>
          </a:r>
          <a:r>
            <a:rPr lang="ja-JP" altLang="en-US" sz="1100" b="0" i="0" u="none" strike="noStrike" baseline="0">
              <a:solidFill>
                <a:srgbClr val="000000"/>
              </a:solidFill>
              <a:latin typeface="ＭＳ Ｐゴシック"/>
              <a:ea typeface="ＭＳ Ｐゴシック"/>
            </a:rPr>
            <a:t>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2" name="Rectangle 17">
          <a:extLst>
            <a:ext uri="{FF2B5EF4-FFF2-40B4-BE49-F238E27FC236}">
              <a16:creationId xmlns:a16="http://schemas.microsoft.com/office/drawing/2014/main" id="{A4F68AF3-8162-471B-AC00-6EF3CDA1B813}"/>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en-US" altLang="ja-JP" sz="1100" b="0" i="0" u="none" strike="noStrike" baseline="0">
              <a:solidFill>
                <a:srgbClr val="000000"/>
              </a:solidFill>
              <a:latin typeface="ＭＳ Ｐゴシック"/>
              <a:ea typeface="ＭＳ Ｐゴシック"/>
            </a:rPr>
            <a:t>C</a:t>
          </a:r>
          <a:r>
            <a:rPr lang="ja-JP" altLang="en-US" sz="1100" b="0" i="0" u="none" strike="noStrike" baseline="0">
              <a:solidFill>
                <a:srgbClr val="000000"/>
              </a:solidFill>
              <a:latin typeface="ＭＳ Ｐゴシック"/>
              <a:ea typeface="ＭＳ Ｐゴシック"/>
            </a:rPr>
            <a:t>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3" name="Rectangle 20">
          <a:extLst>
            <a:ext uri="{FF2B5EF4-FFF2-40B4-BE49-F238E27FC236}">
              <a16:creationId xmlns:a16="http://schemas.microsoft.com/office/drawing/2014/main" id="{26B0DC79-C890-4057-9A99-CEB10396DC06}"/>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父母</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4" name="Rectangle 21">
          <a:extLst>
            <a:ext uri="{FF2B5EF4-FFF2-40B4-BE49-F238E27FC236}">
              <a16:creationId xmlns:a16="http://schemas.microsoft.com/office/drawing/2014/main" id="{B8094E7F-7CBA-441E-B343-058B53D70166}"/>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子</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5" name="Rectangle 22">
          <a:extLst>
            <a:ext uri="{FF2B5EF4-FFF2-40B4-BE49-F238E27FC236}">
              <a16:creationId xmlns:a16="http://schemas.microsoft.com/office/drawing/2014/main" id="{2CF85818-48C1-490E-A409-4B25F2D3E09E}"/>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00" b="0" i="0" u="none" strike="noStrike" baseline="0">
              <a:solidFill>
                <a:srgbClr val="000000"/>
              </a:solidFill>
              <a:latin typeface="ＭＳ Ｐゴシック"/>
              <a:ea typeface="ＭＳ Ｐゴシック"/>
            </a:rPr>
            <a:t> 配偶者</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6" name="Rectangle 23">
          <a:extLst>
            <a:ext uri="{FF2B5EF4-FFF2-40B4-BE49-F238E27FC236}">
              <a16:creationId xmlns:a16="http://schemas.microsoft.com/office/drawing/2014/main" id="{53A1BDF3-0B6D-4543-B1F4-50D68EE829B9}"/>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ＭＳ Ｐゴシック"/>
              <a:ea typeface="ＭＳ Ｐゴシック"/>
            </a:rPr>
            <a:t> 兄弟姉妹</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7" name="Line 24">
          <a:extLst>
            <a:ext uri="{FF2B5EF4-FFF2-40B4-BE49-F238E27FC236}">
              <a16:creationId xmlns:a16="http://schemas.microsoft.com/office/drawing/2014/main" id="{06AE9900-57AF-4391-B80B-90A5695220CD}"/>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8" name="Line 25">
          <a:extLst>
            <a:ext uri="{FF2B5EF4-FFF2-40B4-BE49-F238E27FC236}">
              <a16:creationId xmlns:a16="http://schemas.microsoft.com/office/drawing/2014/main" id="{06645503-7F2E-442C-9FC5-52276DD75215}"/>
            </a:ext>
          </a:extLst>
        </xdr:cNvPr>
        <xdr:cNvSpPr>
          <a:spLocks noChangeShapeType="1"/>
        </xdr:cNvSpPr>
      </xdr:nvSpPr>
      <xdr:spPr bwMode="auto">
        <a:xfrm flipH="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9" name="Line 26">
          <a:extLst>
            <a:ext uri="{FF2B5EF4-FFF2-40B4-BE49-F238E27FC236}">
              <a16:creationId xmlns:a16="http://schemas.microsoft.com/office/drawing/2014/main" id="{974542A3-3C71-4D31-927C-F43E752B3763}"/>
            </a:ext>
          </a:extLst>
        </xdr:cNvPr>
        <xdr:cNvSpPr>
          <a:spLocks noChangeShapeType="1"/>
        </xdr:cNvSpPr>
      </xdr:nvSpPr>
      <xdr:spPr bwMode="auto">
        <a:xfrm flipH="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0" name="Line 27">
          <a:extLst>
            <a:ext uri="{FF2B5EF4-FFF2-40B4-BE49-F238E27FC236}">
              <a16:creationId xmlns:a16="http://schemas.microsoft.com/office/drawing/2014/main" id="{E4A913D2-E671-42CD-BC56-725442B3CCB7}"/>
            </a:ext>
          </a:extLst>
        </xdr:cNvPr>
        <xdr:cNvSpPr>
          <a:spLocks noChangeShapeType="1"/>
        </xdr:cNvSpPr>
      </xdr:nvSpPr>
      <xdr:spPr bwMode="auto">
        <a:xfrm flipH="1">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1" name="Line 28">
          <a:extLst>
            <a:ext uri="{FF2B5EF4-FFF2-40B4-BE49-F238E27FC236}">
              <a16:creationId xmlns:a16="http://schemas.microsoft.com/office/drawing/2014/main" id="{B9A4476E-B88A-4B1D-A023-FCB6EEABBF68}"/>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 name="Line 29">
          <a:extLst>
            <a:ext uri="{FF2B5EF4-FFF2-40B4-BE49-F238E27FC236}">
              <a16:creationId xmlns:a16="http://schemas.microsoft.com/office/drawing/2014/main" id="{B14B0A5C-01D9-428F-81B4-77915A738902}"/>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3" name="Line 30">
          <a:extLst>
            <a:ext uri="{FF2B5EF4-FFF2-40B4-BE49-F238E27FC236}">
              <a16:creationId xmlns:a16="http://schemas.microsoft.com/office/drawing/2014/main" id="{50F94217-FC1C-401A-92C6-7FFC0745F0AD}"/>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4" name="Line 31">
          <a:extLst>
            <a:ext uri="{FF2B5EF4-FFF2-40B4-BE49-F238E27FC236}">
              <a16:creationId xmlns:a16="http://schemas.microsoft.com/office/drawing/2014/main" id="{E9382E11-2097-4CD6-B34C-78C5B4683B93}"/>
            </a:ext>
          </a:extLst>
        </xdr:cNvPr>
        <xdr:cNvSpPr>
          <a:spLocks noChangeShapeType="1"/>
        </xdr:cNvSpPr>
      </xdr:nvSpPr>
      <xdr:spPr bwMode="auto">
        <a:xfrm>
          <a:off x="0" y="0"/>
          <a:ext cx="0" cy="0"/>
        </a:xfrm>
        <a:prstGeom prst="line">
          <a:avLst/>
        </a:prstGeom>
        <a:noFill/>
        <a:ln w="19050">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5" name="Line 32">
          <a:extLst>
            <a:ext uri="{FF2B5EF4-FFF2-40B4-BE49-F238E27FC236}">
              <a16:creationId xmlns:a16="http://schemas.microsoft.com/office/drawing/2014/main" id="{9C804995-34C6-4340-9417-8EDFCB2648FA}"/>
            </a:ext>
          </a:extLst>
        </xdr:cNvPr>
        <xdr:cNvSpPr>
          <a:spLocks noChangeShapeType="1"/>
        </xdr:cNvSpPr>
      </xdr:nvSpPr>
      <xdr:spPr bwMode="auto">
        <a:xfrm>
          <a:off x="0" y="0"/>
          <a:ext cx="0" cy="0"/>
        </a:xfrm>
        <a:prstGeom prst="line">
          <a:avLst/>
        </a:prstGeom>
        <a:noFill/>
        <a:ln w="19050">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6" name="Line 35">
          <a:extLst>
            <a:ext uri="{FF2B5EF4-FFF2-40B4-BE49-F238E27FC236}">
              <a16:creationId xmlns:a16="http://schemas.microsoft.com/office/drawing/2014/main" id="{839E6D3A-FDCE-4F32-AD1E-532847830F7E}"/>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7" name="Line 36">
          <a:extLst>
            <a:ext uri="{FF2B5EF4-FFF2-40B4-BE49-F238E27FC236}">
              <a16:creationId xmlns:a16="http://schemas.microsoft.com/office/drawing/2014/main" id="{BD7D7B8F-6DF9-434C-B8DE-674FE6B4257B}"/>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8" name="Line 37">
          <a:extLst>
            <a:ext uri="{FF2B5EF4-FFF2-40B4-BE49-F238E27FC236}">
              <a16:creationId xmlns:a16="http://schemas.microsoft.com/office/drawing/2014/main" id="{846EE406-274D-441C-A298-4CD9A8B55E0C}"/>
            </a:ext>
          </a:extLst>
        </xdr:cNvPr>
        <xdr:cNvSpPr>
          <a:spLocks noChangeShapeType="1"/>
        </xdr:cNvSpPr>
      </xdr:nvSpPr>
      <xdr:spPr bwMode="auto">
        <a:xfrm flipV="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9" name="Line 38">
          <a:extLst>
            <a:ext uri="{FF2B5EF4-FFF2-40B4-BE49-F238E27FC236}">
              <a16:creationId xmlns:a16="http://schemas.microsoft.com/office/drawing/2014/main" id="{16C9BC3E-E661-40BE-80CC-AFA0C46B75FF}"/>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0" name="Line 39">
          <a:extLst>
            <a:ext uri="{FF2B5EF4-FFF2-40B4-BE49-F238E27FC236}">
              <a16:creationId xmlns:a16="http://schemas.microsoft.com/office/drawing/2014/main" id="{DE59A811-2516-40FD-AB57-70FD2DB83B25}"/>
            </a:ext>
          </a:extLst>
        </xdr:cNvPr>
        <xdr:cNvSpPr>
          <a:spLocks noChangeShapeType="1"/>
        </xdr:cNvSpPr>
      </xdr:nvSpPr>
      <xdr:spPr bwMode="auto">
        <a:xfrm flipV="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1" name="Line 40">
          <a:extLst>
            <a:ext uri="{FF2B5EF4-FFF2-40B4-BE49-F238E27FC236}">
              <a16:creationId xmlns:a16="http://schemas.microsoft.com/office/drawing/2014/main" id="{0473A339-56A9-4E4D-B75F-88FF81473138}"/>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2" name="Line 41">
          <a:extLst>
            <a:ext uri="{FF2B5EF4-FFF2-40B4-BE49-F238E27FC236}">
              <a16:creationId xmlns:a16="http://schemas.microsoft.com/office/drawing/2014/main" id="{1B94DCE7-754D-4A02-89BE-5EAA5E741CF3}"/>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3" name="Line 42">
          <a:extLst>
            <a:ext uri="{FF2B5EF4-FFF2-40B4-BE49-F238E27FC236}">
              <a16:creationId xmlns:a16="http://schemas.microsoft.com/office/drawing/2014/main" id="{054637D0-4FBA-4942-B3D2-D0781B1BBE84}"/>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4" name="Line 43">
          <a:extLst>
            <a:ext uri="{FF2B5EF4-FFF2-40B4-BE49-F238E27FC236}">
              <a16:creationId xmlns:a16="http://schemas.microsoft.com/office/drawing/2014/main" id="{E3E8E1CF-4DDA-4E3C-A899-909228ACA848}"/>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5" name="Line 44">
          <a:extLst>
            <a:ext uri="{FF2B5EF4-FFF2-40B4-BE49-F238E27FC236}">
              <a16:creationId xmlns:a16="http://schemas.microsoft.com/office/drawing/2014/main" id="{F12D58DB-B798-4772-BD4A-E194B4FFA092}"/>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6" name="Line 45">
          <a:extLst>
            <a:ext uri="{FF2B5EF4-FFF2-40B4-BE49-F238E27FC236}">
              <a16:creationId xmlns:a16="http://schemas.microsoft.com/office/drawing/2014/main" id="{3FEE6547-4AE6-47AC-8780-44A491D00A98}"/>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7" name="Line 46">
          <a:extLst>
            <a:ext uri="{FF2B5EF4-FFF2-40B4-BE49-F238E27FC236}">
              <a16:creationId xmlns:a16="http://schemas.microsoft.com/office/drawing/2014/main" id="{88BB715D-81E6-48C0-A371-43EF62D47C6B}"/>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8" name="Line 47">
          <a:extLst>
            <a:ext uri="{FF2B5EF4-FFF2-40B4-BE49-F238E27FC236}">
              <a16:creationId xmlns:a16="http://schemas.microsoft.com/office/drawing/2014/main" id="{1AE6F65A-F2F2-42E8-BB18-4919B461BAC7}"/>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9" name="Rectangle 48">
          <a:extLst>
            <a:ext uri="{FF2B5EF4-FFF2-40B4-BE49-F238E27FC236}">
              <a16:creationId xmlns:a16="http://schemas.microsoft.com/office/drawing/2014/main" id="{4DFF133B-2A4C-4FD9-98CB-C74142724343}"/>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自己</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db0003$\&#12518;&#12540;&#12470;&#20316;&#26989;&#29992;&#12501;&#12457;&#12523;&#12480;\&#12518;&#12540;&#12470;&#20316;&#26989;&#29992;&#12501;&#12457;&#12523;&#12480;\&#26989;&#21209;&#22996;&#35351;&#12464;&#12523;&#12540;&#12503;\&#9733;&#35686;&#20633;&#12521;&#12452;&#12531;\&#9733;R4&#24180;&#24230;&#35686;&#20633;&#12521;&#12452;&#12531;&#26696;&#20214;&#31649;&#29702;&#34920;.xlsm" TargetMode="External"/></Relationships>
</file>

<file path=xl/externalLinks/_rels/externalLink2.xml.rels><?xml version="1.0" encoding="UTF-8" standalone="yes"?>
<Relationships xmlns="http://schemas.openxmlformats.org/package/2006/relationships"><Relationship Id="rId2" Type="http://schemas.openxmlformats.org/officeDocument/2006/relationships/externalLinkPath" Target="file:///C:\Users\i6429672\AppData\Local\Microsoft\Windows\INetCache\Content.Outlook\PQHKPLRO\&#9733;&#20837;&#26413;&#35500;&#26126;&#26360;&#31561;&#20316;&#25104;&#12471;&#12540;&#12488;(R8.2.10&#20844;&#21578;&#65374;).xlsm" TargetMode="External"/><Relationship Id="rId1" Type="http://schemas.openxmlformats.org/officeDocument/2006/relationships/externalLinkPath" Target="file:///C:\Users\i6429672\AppData\Local\Microsoft\Windows\INetCache\Content.Outlook\PQHKPLRO\&#9733;&#20837;&#26413;&#35500;&#26126;&#26360;&#31561;&#20316;&#25104;&#12471;&#12540;&#12488;(R8.2.10&#20844;&#21578;&#65374;).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pff001c\oa-db0003$\&#12518;&#12540;&#12470;&#20316;&#26989;&#29992;&#12501;&#12457;&#12523;&#12480;\&#12518;&#12540;&#12470;&#20316;&#26989;&#29992;&#12501;&#12457;&#12523;&#12480;\&#26989;&#21209;&#22996;&#35351;&#12464;&#12523;&#12540;&#12503;\&#9733;&#28165;&#25475;&#12521;&#12452;&#12531;\&#26696;&#20214;&#19968;&#35239;(R&#65300;&#24180;&#24230;)&#65343;&#28165;&#25475;&#12521;&#12452;&#12531;%20%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開札時・決定時に印刷して使用】一覧"/>
      <sheetName val="事前調整中"/>
      <sheetName val="発注済み案件"/>
      <sheetName val="資格審査シート"/>
      <sheetName val="技術審査 "/>
      <sheetName val="資格審査決裁（落札）"/>
      <sheetName val="触らない②"/>
      <sheetName val="触らない①"/>
      <sheetName val="早期発注確認"/>
      <sheetName val="事前調整消込シート（警備ライン）"/>
    </sheetNames>
    <sheetDataSet>
      <sheetData sheetId="0"/>
      <sheetData sheetId="1"/>
      <sheetData sheetId="2"/>
      <sheetData sheetId="3">
        <row r="3">
          <cell r="L3" t="str">
            <v>○</v>
          </cell>
          <cell r="S3" t="str">
            <v>非該当</v>
          </cell>
          <cell r="W3" t="str">
            <v>R4</v>
          </cell>
          <cell r="AA3" t="str">
            <v>ひがいとう</v>
          </cell>
          <cell r="AD3" t="str">
            <v>制限なし</v>
          </cell>
          <cell r="AH3" t="str">
            <v>審査なし</v>
          </cell>
        </row>
      </sheetData>
      <sheetData sheetId="4"/>
      <sheetData sheetId="5"/>
      <sheetData sheetId="6"/>
      <sheetData sheetId="7"/>
      <sheetData sheetId="8"/>
      <sheetData sheetId="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整理票貼り付け"/>
      <sheetName val="日程表"/>
      <sheetName val="入力"/>
      <sheetName val="予定表登録"/>
      <sheetName val="PDF作成"/>
      <sheetName val="入札説明書パターン"/>
      <sheetName val="ビラ"/>
      <sheetName val="入札説明書"/>
      <sheetName val="低入"/>
      <sheetName val="最低制限"/>
      <sheetName val="同時受注制限"/>
      <sheetName val="提出資料【市長部局】"/>
      <sheetName val="提出資料【水道局】"/>
      <sheetName val="様式1【共通】"/>
      <sheetName val="様式2-1【共通】"/>
      <sheetName val="様式2-2【共通】"/>
      <sheetName val="様式3【共通】"/>
      <sheetName val="様式4【共通】"/>
      <sheetName val="様式5【共通】"/>
      <sheetName val="様式A誓約書【配布用】"/>
      <sheetName val="公告文(委員会用)"/>
      <sheetName val="案件一覧"/>
      <sheetName val="【基本タブ】"/>
      <sheetName val="【付加情報タブ】"/>
      <sheetName val="【種目項目タブ】"/>
      <sheetName val="【案件登録タブ】"/>
      <sheetName val="一覧"/>
      <sheetName val="祝日"/>
      <sheetName val="RPA"/>
      <sheetName val="RPA (2)"/>
      <sheetName val="RPA (3)"/>
      <sheetName val="RPA (4)"/>
      <sheetName val="RPA (5)"/>
      <sheetName val="RPA (6)"/>
      <sheetName val="RPA (7)"/>
      <sheetName val="RPA (8)"/>
      <sheetName val="RPA (9)"/>
      <sheetName val="RPA (10)"/>
      <sheetName val="RPA (11)"/>
      <sheetName val="RPA (12)"/>
      <sheetName val="RPA (13)"/>
      <sheetName val="RPA (14)"/>
      <sheetName val="RPA (15)"/>
      <sheetName val="RPA (16)"/>
      <sheetName val="RPA (17)"/>
      <sheetName val="RPA (18)"/>
    </sheetNames>
    <sheetDataSet>
      <sheetData sheetId="0"/>
      <sheetData sheetId="1"/>
      <sheetData sheetId="2">
        <row r="4">
          <cell r="AM4" t="str">
            <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ow r="1">
          <cell r="A1" t="str">
            <v>名称</v>
          </cell>
          <cell r="B1" t="str">
            <v>平成29年度</v>
          </cell>
          <cell r="C1" t="str">
            <v>平成30年度</v>
          </cell>
          <cell r="D1" t="str">
            <v>平成31年度</v>
          </cell>
          <cell r="E1" t="str">
            <v>令和２年度</v>
          </cell>
          <cell r="F1" t="str">
            <v>令和３年度</v>
          </cell>
          <cell r="G1" t="str">
            <v>令和４年度</v>
          </cell>
          <cell r="H1" t="str">
            <v>令和５年度</v>
          </cell>
          <cell r="I1" t="str">
            <v>令和６年度</v>
          </cell>
          <cell r="J1" t="str">
            <v>令和７年度</v>
          </cell>
          <cell r="K1" t="str">
            <v>令和８年度</v>
          </cell>
        </row>
        <row r="2">
          <cell r="A2" t="str">
            <v>昭和の日
(振替休日)</v>
          </cell>
          <cell r="B2">
            <v>42854</v>
          </cell>
          <cell r="C2">
            <v>43219</v>
          </cell>
          <cell r="D2">
            <v>43584</v>
          </cell>
          <cell r="E2">
            <v>43950</v>
          </cell>
          <cell r="F2">
            <v>44315</v>
          </cell>
          <cell r="G2">
            <v>44680</v>
          </cell>
          <cell r="H2">
            <v>45045</v>
          </cell>
          <cell r="I2">
            <v>45411</v>
          </cell>
          <cell r="J2">
            <v>45776</v>
          </cell>
          <cell r="K2">
            <v>46141</v>
          </cell>
        </row>
        <row r="3">
          <cell r="A3"/>
          <cell r="B3"/>
          <cell r="C3">
            <v>43220</v>
          </cell>
          <cell r="D3">
            <v>43585</v>
          </cell>
          <cell r="E3"/>
          <cell r="F3"/>
          <cell r="G3"/>
          <cell r="H3"/>
          <cell r="I3"/>
          <cell r="J3"/>
          <cell r="K3"/>
        </row>
        <row r="4">
          <cell r="A4" t="str">
            <v>GW</v>
          </cell>
          <cell r="B4">
            <v>42856</v>
          </cell>
          <cell r="C4">
            <v>43221</v>
          </cell>
          <cell r="D4">
            <v>43586</v>
          </cell>
          <cell r="E4">
            <v>43951</v>
          </cell>
          <cell r="F4">
            <v>44316</v>
          </cell>
          <cell r="G4">
            <v>44683</v>
          </cell>
          <cell r="H4">
            <v>45047</v>
          </cell>
          <cell r="I4"/>
          <cell r="J4"/>
          <cell r="K4">
            <v>46142</v>
          </cell>
        </row>
        <row r="5">
          <cell r="A5"/>
          <cell r="B5">
            <v>42857</v>
          </cell>
          <cell r="C5">
            <v>43222</v>
          </cell>
          <cell r="D5">
            <v>43587</v>
          </cell>
          <cell r="E5">
            <v>43952</v>
          </cell>
          <cell r="F5"/>
          <cell r="G5">
            <v>44687</v>
          </cell>
          <cell r="H5">
            <v>45048</v>
          </cell>
          <cell r="I5"/>
          <cell r="J5"/>
          <cell r="K5">
            <v>46143</v>
          </cell>
        </row>
        <row r="6">
          <cell r="A6"/>
          <cell r="B6"/>
          <cell r="C6"/>
          <cell r="D6"/>
          <cell r="E6"/>
          <cell r="F6"/>
          <cell r="G6"/>
          <cell r="H6"/>
          <cell r="I6"/>
          <cell r="J6"/>
          <cell r="K6"/>
        </row>
        <row r="7">
          <cell r="A7" t="str">
            <v>憲法記念日</v>
          </cell>
          <cell r="B7">
            <v>42858</v>
          </cell>
          <cell r="C7">
            <v>43223</v>
          </cell>
          <cell r="D7">
            <v>43588</v>
          </cell>
          <cell r="E7">
            <v>43954</v>
          </cell>
          <cell r="F7">
            <v>44319</v>
          </cell>
          <cell r="G7">
            <v>44684</v>
          </cell>
          <cell r="H7">
            <v>45049</v>
          </cell>
          <cell r="I7">
            <v>45415</v>
          </cell>
          <cell r="J7">
            <v>45780</v>
          </cell>
          <cell r="K7">
            <v>46145</v>
          </cell>
        </row>
        <row r="8">
          <cell r="A8" t="str">
            <v>みどりの日</v>
          </cell>
          <cell r="B8">
            <v>42859</v>
          </cell>
          <cell r="C8">
            <v>43224</v>
          </cell>
          <cell r="D8">
            <v>43589</v>
          </cell>
          <cell r="E8">
            <v>43955</v>
          </cell>
          <cell r="F8">
            <v>44320</v>
          </cell>
          <cell r="G8">
            <v>44685</v>
          </cell>
          <cell r="H8">
            <v>45050</v>
          </cell>
          <cell r="I8">
            <v>45416</v>
          </cell>
          <cell r="J8">
            <v>45781</v>
          </cell>
          <cell r="K8">
            <v>46146</v>
          </cell>
        </row>
        <row r="9">
          <cell r="A9" t="str">
            <v>こどもの日
(振替休日)</v>
          </cell>
          <cell r="B9">
            <v>42860</v>
          </cell>
          <cell r="C9">
            <v>43225</v>
          </cell>
          <cell r="D9">
            <v>43590</v>
          </cell>
          <cell r="E9">
            <v>43956</v>
          </cell>
          <cell r="F9">
            <v>44321</v>
          </cell>
          <cell r="G9">
            <v>44686</v>
          </cell>
          <cell r="H9">
            <v>45051</v>
          </cell>
          <cell r="I9">
            <v>45417</v>
          </cell>
          <cell r="J9">
            <v>45782</v>
          </cell>
          <cell r="K9">
            <v>46147</v>
          </cell>
        </row>
        <row r="10">
          <cell r="A10"/>
          <cell r="B10"/>
          <cell r="C10"/>
          <cell r="D10">
            <v>43591</v>
          </cell>
          <cell r="E10">
            <v>43957</v>
          </cell>
          <cell r="F10"/>
          <cell r="G10"/>
          <cell r="H10"/>
          <cell r="I10">
            <v>45418</v>
          </cell>
          <cell r="J10">
            <v>45783</v>
          </cell>
          <cell r="K10">
            <v>46148</v>
          </cell>
        </row>
        <row r="11">
          <cell r="A11" t="str">
            <v>システム停止</v>
          </cell>
          <cell r="B11"/>
          <cell r="C11"/>
          <cell r="D11"/>
          <cell r="E11"/>
          <cell r="F11">
            <v>44592</v>
          </cell>
          <cell r="G11">
            <v>44711</v>
          </cell>
          <cell r="H11">
            <v>45320</v>
          </cell>
          <cell r="I11"/>
          <cell r="J11"/>
          <cell r="K11"/>
        </row>
        <row r="12">
          <cell r="A12"/>
          <cell r="B12"/>
          <cell r="C12"/>
          <cell r="D12"/>
          <cell r="E12"/>
          <cell r="F12"/>
          <cell r="G12"/>
          <cell r="H12"/>
          <cell r="I12"/>
          <cell r="J12"/>
          <cell r="K12"/>
        </row>
        <row r="13">
          <cell r="A13"/>
          <cell r="B13"/>
          <cell r="C13"/>
          <cell r="D13"/>
          <cell r="E13"/>
          <cell r="F13"/>
          <cell r="G13"/>
          <cell r="H13"/>
          <cell r="I13"/>
          <cell r="J13"/>
          <cell r="K13"/>
        </row>
        <row r="14">
          <cell r="A14" t="str">
            <v>海の日</v>
          </cell>
          <cell r="B14">
            <v>42933</v>
          </cell>
          <cell r="C14">
            <v>43297</v>
          </cell>
          <cell r="D14">
            <v>43661</v>
          </cell>
          <cell r="E14">
            <v>44035</v>
          </cell>
          <cell r="F14">
            <v>44399</v>
          </cell>
          <cell r="G14">
            <v>44760</v>
          </cell>
          <cell r="H14">
            <v>45124</v>
          </cell>
          <cell r="I14">
            <v>45488</v>
          </cell>
          <cell r="J14">
            <v>45859</v>
          </cell>
          <cell r="K14">
            <v>46223</v>
          </cell>
        </row>
        <row r="15">
          <cell r="A15" t="str">
            <v>山の日
（振替休日）</v>
          </cell>
          <cell r="B15">
            <v>42958</v>
          </cell>
          <cell r="C15">
            <v>43323</v>
          </cell>
          <cell r="D15">
            <v>43688</v>
          </cell>
          <cell r="E15">
            <v>44053</v>
          </cell>
          <cell r="F15">
            <v>44400</v>
          </cell>
          <cell r="G15">
            <v>44784</v>
          </cell>
          <cell r="H15">
            <v>45149</v>
          </cell>
          <cell r="I15">
            <v>45515</v>
          </cell>
          <cell r="J15">
            <v>45880</v>
          </cell>
          <cell r="K15">
            <v>46245</v>
          </cell>
        </row>
        <row r="16">
          <cell r="A16"/>
          <cell r="B16"/>
          <cell r="C16"/>
          <cell r="D16">
            <v>43689</v>
          </cell>
          <cell r="E16">
            <v>44056</v>
          </cell>
          <cell r="F16"/>
          <cell r="G16"/>
          <cell r="H16"/>
          <cell r="I16">
            <v>45516</v>
          </cell>
          <cell r="J16"/>
          <cell r="K16"/>
        </row>
        <row r="17">
          <cell r="A17" t="str">
            <v>お盆</v>
          </cell>
          <cell r="B17">
            <v>42961</v>
          </cell>
          <cell r="C17"/>
          <cell r="D17">
            <v>43690</v>
          </cell>
          <cell r="E17">
            <v>44057</v>
          </cell>
          <cell r="F17">
            <v>44418</v>
          </cell>
          <cell r="G17">
            <v>44785</v>
          </cell>
          <cell r="H17">
            <v>45152</v>
          </cell>
          <cell r="I17">
            <v>45517</v>
          </cell>
          <cell r="J17">
            <v>45881</v>
          </cell>
          <cell r="K17">
            <v>46246</v>
          </cell>
        </row>
        <row r="18">
          <cell r="A18"/>
          <cell r="B18">
            <v>42962</v>
          </cell>
          <cell r="C18"/>
          <cell r="D18">
            <v>43691</v>
          </cell>
          <cell r="E18"/>
          <cell r="F18">
            <v>44419</v>
          </cell>
          <cell r="G18">
            <v>44788</v>
          </cell>
          <cell r="H18">
            <v>45153</v>
          </cell>
          <cell r="I18">
            <v>45518</v>
          </cell>
          <cell r="J18">
            <v>45882</v>
          </cell>
          <cell r="K18">
            <v>46247</v>
          </cell>
        </row>
        <row r="19">
          <cell r="A19"/>
          <cell r="B19"/>
          <cell r="C19"/>
          <cell r="D19">
            <v>43692</v>
          </cell>
          <cell r="E19"/>
          <cell r="F19">
            <v>44420</v>
          </cell>
          <cell r="G19">
            <v>44783</v>
          </cell>
          <cell r="H19">
            <v>45154</v>
          </cell>
          <cell r="I19">
            <v>45519</v>
          </cell>
          <cell r="J19">
            <v>45883</v>
          </cell>
          <cell r="K19">
            <v>46248</v>
          </cell>
        </row>
        <row r="20">
          <cell r="A20"/>
          <cell r="B20"/>
          <cell r="C20"/>
          <cell r="D20"/>
          <cell r="E20"/>
          <cell r="F20">
            <v>44421</v>
          </cell>
          <cell r="G20"/>
          <cell r="H20"/>
          <cell r="I20">
            <v>45520</v>
          </cell>
          <cell r="J20">
            <v>45884</v>
          </cell>
          <cell r="K20"/>
        </row>
        <row r="21">
          <cell r="A21"/>
          <cell r="B21"/>
          <cell r="C21"/>
          <cell r="D21"/>
          <cell r="E21"/>
          <cell r="F21">
            <v>44417</v>
          </cell>
          <cell r="G21"/>
          <cell r="H21"/>
          <cell r="I21"/>
          <cell r="J21"/>
          <cell r="K21"/>
        </row>
        <row r="22">
          <cell r="A22" t="str">
            <v>敬老の日</v>
          </cell>
          <cell r="B22">
            <v>42996</v>
          </cell>
          <cell r="C22">
            <v>43360</v>
          </cell>
          <cell r="D22">
            <v>43724</v>
          </cell>
          <cell r="E22">
            <v>44095</v>
          </cell>
          <cell r="F22">
            <v>44459</v>
          </cell>
          <cell r="G22">
            <v>44823</v>
          </cell>
          <cell r="H22">
            <v>45187</v>
          </cell>
          <cell r="I22">
            <v>45551</v>
          </cell>
          <cell r="J22">
            <v>45915</v>
          </cell>
          <cell r="K22">
            <v>46286</v>
          </cell>
        </row>
        <row r="23">
          <cell r="A23" t="str">
            <v>秋分の日
(振替休日)</v>
          </cell>
          <cell r="B23">
            <v>43001</v>
          </cell>
          <cell r="C23">
            <v>43366</v>
          </cell>
          <cell r="D23">
            <v>43731</v>
          </cell>
          <cell r="E23">
            <v>44096</v>
          </cell>
          <cell r="F23">
            <v>44462</v>
          </cell>
          <cell r="G23">
            <v>44827</v>
          </cell>
          <cell r="H23">
            <v>45192</v>
          </cell>
          <cell r="I23">
            <v>45557</v>
          </cell>
          <cell r="J23">
            <v>45923</v>
          </cell>
          <cell r="K23">
            <v>46287</v>
          </cell>
        </row>
        <row r="24">
          <cell r="A24"/>
          <cell r="B24"/>
          <cell r="C24">
            <v>43367</v>
          </cell>
          <cell r="D24"/>
          <cell r="E24"/>
          <cell r="F24"/>
          <cell r="G24"/>
          <cell r="H24"/>
          <cell r="I24">
            <v>45558</v>
          </cell>
          <cell r="J24"/>
          <cell r="K24">
            <v>46288</v>
          </cell>
        </row>
        <row r="25">
          <cell r="A25" t="str">
            <v>体育の日</v>
          </cell>
          <cell r="B25">
            <v>43017</v>
          </cell>
          <cell r="C25">
            <v>43381</v>
          </cell>
          <cell r="D25">
            <v>43752</v>
          </cell>
          <cell r="E25">
            <v>44036</v>
          </cell>
          <cell r="F25"/>
          <cell r="G25">
            <v>44844</v>
          </cell>
          <cell r="H25">
            <v>45208</v>
          </cell>
          <cell r="I25">
            <v>45579</v>
          </cell>
          <cell r="J25">
            <v>45943</v>
          </cell>
          <cell r="K25">
            <v>46307</v>
          </cell>
        </row>
        <row r="26">
          <cell r="A26" t="str">
            <v>文化の日
(振替休日)</v>
          </cell>
          <cell r="B26">
            <v>43042</v>
          </cell>
          <cell r="C26">
            <v>43407</v>
          </cell>
          <cell r="D26">
            <v>43772</v>
          </cell>
          <cell r="E26">
            <v>44138</v>
          </cell>
          <cell r="F26">
            <v>44503</v>
          </cell>
          <cell r="G26">
            <v>44868</v>
          </cell>
          <cell r="H26">
            <v>45233</v>
          </cell>
          <cell r="I26">
            <v>45599</v>
          </cell>
          <cell r="J26">
            <v>45964</v>
          </cell>
          <cell r="K26">
            <v>46329</v>
          </cell>
        </row>
        <row r="27">
          <cell r="A27"/>
          <cell r="B27"/>
          <cell r="C27"/>
          <cell r="D27">
            <v>43773</v>
          </cell>
          <cell r="E27"/>
          <cell r="F27"/>
          <cell r="G27"/>
          <cell r="H27"/>
          <cell r="I27">
            <v>45600</v>
          </cell>
          <cell r="J27"/>
          <cell r="K27"/>
        </row>
        <row r="28">
          <cell r="A28" t="str">
            <v>勤労感謝の日
(振替休日)</v>
          </cell>
          <cell r="B28">
            <v>43062</v>
          </cell>
          <cell r="C28">
            <v>43427</v>
          </cell>
          <cell r="D28">
            <v>43792</v>
          </cell>
          <cell r="E28">
            <v>44158</v>
          </cell>
          <cell r="F28">
            <v>44523</v>
          </cell>
          <cell r="G28">
            <v>44888</v>
          </cell>
          <cell r="H28">
            <v>45253</v>
          </cell>
          <cell r="I28">
            <v>45619</v>
          </cell>
          <cell r="J28">
            <v>45984</v>
          </cell>
          <cell r="K28">
            <v>46349</v>
          </cell>
        </row>
        <row r="29">
          <cell r="A29"/>
          <cell r="B29"/>
          <cell r="C29"/>
          <cell r="D29"/>
          <cell r="E29"/>
          <cell r="F29"/>
          <cell r="G29"/>
          <cell r="H29"/>
          <cell r="I29"/>
          <cell r="J29">
            <v>45985</v>
          </cell>
          <cell r="K29"/>
        </row>
        <row r="30">
          <cell r="A30" t="str">
            <v>天皇誕生日
(振替休日)</v>
          </cell>
          <cell r="B30">
            <v>43092</v>
          </cell>
          <cell r="C30">
            <v>43457</v>
          </cell>
          <cell r="D30">
            <v>43760</v>
          </cell>
          <cell r="E30"/>
          <cell r="F30"/>
          <cell r="G30"/>
          <cell r="H30"/>
          <cell r="I30"/>
          <cell r="J30"/>
          <cell r="K30"/>
        </row>
        <row r="31">
          <cell r="A31"/>
          <cell r="B31"/>
          <cell r="C31">
            <v>43458</v>
          </cell>
          <cell r="D31"/>
          <cell r="E31"/>
          <cell r="F31"/>
          <cell r="G31"/>
          <cell r="H31"/>
          <cell r="I31"/>
          <cell r="J31"/>
          <cell r="K31"/>
        </row>
        <row r="32">
          <cell r="A32" t="str">
            <v>年末年始</v>
          </cell>
          <cell r="B32">
            <v>43098</v>
          </cell>
          <cell r="C32">
            <v>43463</v>
          </cell>
          <cell r="D32">
            <v>43828</v>
          </cell>
          <cell r="E32">
            <v>44194</v>
          </cell>
          <cell r="F32">
            <v>44559</v>
          </cell>
          <cell r="G32">
            <v>44924</v>
          </cell>
          <cell r="H32">
            <v>45289</v>
          </cell>
          <cell r="I32">
            <v>45655</v>
          </cell>
          <cell r="J32">
            <v>46020</v>
          </cell>
          <cell r="K32">
            <v>46385</v>
          </cell>
        </row>
        <row r="33">
          <cell r="A33"/>
          <cell r="B33">
            <v>43099</v>
          </cell>
          <cell r="C33">
            <v>43464</v>
          </cell>
          <cell r="D33">
            <v>43829</v>
          </cell>
          <cell r="E33">
            <v>44195</v>
          </cell>
          <cell r="F33">
            <v>44560</v>
          </cell>
          <cell r="G33">
            <v>44925</v>
          </cell>
          <cell r="H33">
            <v>45290</v>
          </cell>
          <cell r="I33">
            <v>45656</v>
          </cell>
          <cell r="J33">
            <v>46021</v>
          </cell>
          <cell r="K33">
            <v>46386</v>
          </cell>
        </row>
        <row r="34">
          <cell r="A34"/>
          <cell r="B34">
            <v>43100</v>
          </cell>
          <cell r="C34">
            <v>43465</v>
          </cell>
          <cell r="D34">
            <v>43830</v>
          </cell>
          <cell r="E34">
            <v>44196</v>
          </cell>
          <cell r="F34">
            <v>44561</v>
          </cell>
          <cell r="G34">
            <v>44926</v>
          </cell>
          <cell r="H34">
            <v>45291</v>
          </cell>
          <cell r="I34">
            <v>45657</v>
          </cell>
          <cell r="J34">
            <v>46022</v>
          </cell>
          <cell r="K34">
            <v>46387</v>
          </cell>
        </row>
        <row r="35">
          <cell r="A35"/>
          <cell r="B35">
            <v>43101</v>
          </cell>
          <cell r="C35">
            <v>43466</v>
          </cell>
          <cell r="D35">
            <v>43831</v>
          </cell>
          <cell r="E35">
            <v>44197</v>
          </cell>
          <cell r="F35">
            <v>44562</v>
          </cell>
          <cell r="G35">
            <v>44927</v>
          </cell>
          <cell r="H35">
            <v>45292</v>
          </cell>
          <cell r="I35">
            <v>45658</v>
          </cell>
          <cell r="J35">
            <v>46023</v>
          </cell>
          <cell r="K35">
            <v>46388</v>
          </cell>
        </row>
        <row r="36">
          <cell r="A36"/>
          <cell r="B36">
            <v>43102</v>
          </cell>
          <cell r="C36">
            <v>43467</v>
          </cell>
          <cell r="D36">
            <v>43832</v>
          </cell>
          <cell r="E36">
            <v>44198</v>
          </cell>
          <cell r="F36">
            <v>44563</v>
          </cell>
          <cell r="G36">
            <v>44928</v>
          </cell>
          <cell r="H36">
            <v>45293</v>
          </cell>
          <cell r="I36">
            <v>45659</v>
          </cell>
          <cell r="J36">
            <v>46024</v>
          </cell>
          <cell r="K36">
            <v>46389</v>
          </cell>
        </row>
        <row r="37">
          <cell r="A37"/>
          <cell r="B37">
            <v>43103</v>
          </cell>
          <cell r="C37">
            <v>43468</v>
          </cell>
          <cell r="D37">
            <v>43833</v>
          </cell>
          <cell r="E37">
            <v>44199</v>
          </cell>
          <cell r="F37">
            <v>44564</v>
          </cell>
          <cell r="G37">
            <v>44929</v>
          </cell>
          <cell r="H37">
            <v>45294</v>
          </cell>
          <cell r="I37">
            <v>45660</v>
          </cell>
          <cell r="J37">
            <v>46025</v>
          </cell>
          <cell r="K37">
            <v>46390</v>
          </cell>
        </row>
        <row r="38">
          <cell r="A38"/>
          <cell r="B38"/>
          <cell r="C38"/>
          <cell r="D38"/>
          <cell r="E38">
            <v>44200</v>
          </cell>
          <cell r="F38">
            <v>44565</v>
          </cell>
          <cell r="G38">
            <v>44930</v>
          </cell>
          <cell r="H38">
            <v>45295</v>
          </cell>
          <cell r="I38"/>
          <cell r="J38"/>
          <cell r="K38"/>
        </row>
        <row r="39">
          <cell r="A39"/>
          <cell r="B39"/>
          <cell r="C39"/>
          <cell r="D39"/>
          <cell r="E39">
            <v>44201</v>
          </cell>
          <cell r="F39">
            <v>44557</v>
          </cell>
          <cell r="G39">
            <v>44921</v>
          </cell>
          <cell r="H39"/>
          <cell r="I39"/>
          <cell r="J39"/>
          <cell r="K39"/>
        </row>
        <row r="40">
          <cell r="A40"/>
          <cell r="B40"/>
          <cell r="C40"/>
          <cell r="D40"/>
          <cell r="E40">
            <v>44202</v>
          </cell>
          <cell r="F40">
            <v>44558</v>
          </cell>
          <cell r="G40">
            <v>44922</v>
          </cell>
          <cell r="H40"/>
          <cell r="I40"/>
          <cell r="J40"/>
          <cell r="K40"/>
        </row>
        <row r="41">
          <cell r="A41"/>
          <cell r="B41"/>
          <cell r="C41"/>
          <cell r="D41"/>
          <cell r="E41">
            <v>44203</v>
          </cell>
          <cell r="F41"/>
          <cell r="G41">
            <v>44923</v>
          </cell>
          <cell r="H41"/>
          <cell r="I41"/>
          <cell r="J41"/>
          <cell r="K41"/>
        </row>
        <row r="42">
          <cell r="A42"/>
          <cell r="B42"/>
          <cell r="C42"/>
          <cell r="D42"/>
          <cell r="E42">
            <v>44204</v>
          </cell>
          <cell r="F42"/>
          <cell r="G42"/>
          <cell r="H42"/>
          <cell r="I42"/>
          <cell r="J42"/>
          <cell r="K42"/>
        </row>
        <row r="43">
          <cell r="A43" t="str">
            <v>成人の日</v>
          </cell>
          <cell r="B43">
            <v>43108</v>
          </cell>
          <cell r="C43">
            <v>43479</v>
          </cell>
          <cell r="D43">
            <v>43843</v>
          </cell>
          <cell r="E43">
            <v>44207</v>
          </cell>
          <cell r="F43">
            <v>44571</v>
          </cell>
          <cell r="G43">
            <v>44935</v>
          </cell>
          <cell r="H43">
            <v>45299</v>
          </cell>
          <cell r="I43">
            <v>45670</v>
          </cell>
          <cell r="J43">
            <v>46034</v>
          </cell>
          <cell r="K43">
            <v>46398</v>
          </cell>
        </row>
        <row r="44">
          <cell r="A44" t="str">
            <v>建国記念の日
(振替休日)</v>
          </cell>
          <cell r="B44">
            <v>43142</v>
          </cell>
          <cell r="C44">
            <v>43507</v>
          </cell>
          <cell r="D44">
            <v>43872</v>
          </cell>
          <cell r="E44">
            <v>44238</v>
          </cell>
          <cell r="F44">
            <v>44603</v>
          </cell>
          <cell r="G44">
            <v>44968</v>
          </cell>
          <cell r="H44">
            <v>45333</v>
          </cell>
          <cell r="I44">
            <v>45699</v>
          </cell>
          <cell r="J44">
            <v>46064</v>
          </cell>
          <cell r="K44">
            <v>46429</v>
          </cell>
        </row>
        <row r="45">
          <cell r="A45"/>
          <cell r="B45">
            <v>43143</v>
          </cell>
          <cell r="C45"/>
          <cell r="D45"/>
          <cell r="E45"/>
          <cell r="F45"/>
          <cell r="G45"/>
          <cell r="H45">
            <v>45334</v>
          </cell>
          <cell r="I45"/>
          <cell r="J45"/>
          <cell r="K45"/>
        </row>
        <row r="46">
          <cell r="A46" t="str">
            <v>天皇誕生日</v>
          </cell>
          <cell r="B46"/>
          <cell r="C46"/>
          <cell r="D46">
            <v>43884</v>
          </cell>
          <cell r="E46">
            <v>44250</v>
          </cell>
          <cell r="F46">
            <v>44615</v>
          </cell>
          <cell r="G46">
            <v>44980</v>
          </cell>
          <cell r="H46">
            <v>45345</v>
          </cell>
          <cell r="I46">
            <v>45711</v>
          </cell>
          <cell r="J46">
            <v>46076</v>
          </cell>
          <cell r="K46">
            <v>46441</v>
          </cell>
        </row>
        <row r="47">
          <cell r="A47" t="str">
            <v>（振替休日）</v>
          </cell>
          <cell r="B47"/>
          <cell r="C47"/>
          <cell r="D47">
            <v>43885</v>
          </cell>
          <cell r="E47"/>
          <cell r="F47"/>
          <cell r="G47"/>
          <cell r="H47"/>
          <cell r="I47">
            <v>45712</v>
          </cell>
          <cell r="J47"/>
          <cell r="K47"/>
        </row>
        <row r="48">
          <cell r="A48" t="str">
            <v>春分の日
(振替休日)</v>
          </cell>
          <cell r="B48">
            <v>43180</v>
          </cell>
          <cell r="C48">
            <v>43545</v>
          </cell>
          <cell r="D48">
            <v>43910</v>
          </cell>
          <cell r="E48">
            <v>44275</v>
          </cell>
          <cell r="F48">
            <v>44641</v>
          </cell>
          <cell r="G48">
            <v>45006</v>
          </cell>
          <cell r="H48">
            <v>45371</v>
          </cell>
          <cell r="I48">
            <v>45736</v>
          </cell>
          <cell r="J48">
            <v>46101</v>
          </cell>
          <cell r="K48">
            <v>46468</v>
          </cell>
        </row>
        <row r="49">
          <cell r="A49"/>
          <cell r="B49"/>
          <cell r="C49"/>
          <cell r="D49"/>
          <cell r="E49"/>
          <cell r="F49"/>
          <cell r="G49"/>
          <cell r="H49"/>
          <cell r="I49"/>
          <cell r="J49"/>
          <cell r="K49"/>
        </row>
      </sheetData>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利用方法"/>
      <sheetName val="引用データ"/>
      <sheetName val="開札一覧"/>
      <sheetName val="一覧"/>
      <sheetName val="事前調整中"/>
      <sheetName val="発注済み案件"/>
      <sheetName val="資格審査シート"/>
      <sheetName val="技術審査"/>
      <sheetName val="技術審査（決裁）"/>
      <sheetName val="技術審査（送付用）"/>
      <sheetName val="資格審査決裁（落札）"/>
      <sheetName val="無効一覧 "/>
      <sheetName val="案の１（結果（無効））"/>
      <sheetName val="案の２（無効通知）"/>
      <sheetName val="案の３（制度課報告）"/>
      <sheetName val="祝日一覧"/>
      <sheetName val="入力"/>
    </sheetNames>
    <sheetDataSet>
      <sheetData sheetId="0"/>
      <sheetData sheetId="1"/>
      <sheetData sheetId="2"/>
      <sheetData sheetId="3"/>
      <sheetData sheetId="4"/>
      <sheetData sheetId="5"/>
      <sheetData sheetId="6">
        <row r="3">
          <cell r="AD3" t="str">
            <v>要件なし</v>
          </cell>
          <cell r="AH3" t="str">
            <v>制限なし</v>
          </cell>
        </row>
      </sheetData>
      <sheetData sheetId="7"/>
      <sheetData sheetId="8"/>
      <sheetData sheetId="9"/>
      <sheetData sheetId="10"/>
      <sheetData sheetId="11"/>
      <sheetData sheetId="12"/>
      <sheetData sheetId="13"/>
      <sheetData sheetId="14"/>
      <sheetData sheetId="15">
        <row r="2">
          <cell r="B2">
            <v>42854</v>
          </cell>
        </row>
      </sheetData>
      <sheetData sheetId="16"/>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94EC30-0119-4D2D-B7AB-BBAF0F3AE666}">
  <sheetPr codeName="Sheet39">
    <tabColor rgb="FFFFFF00"/>
    <pageSetUpPr fitToPage="1"/>
  </sheetPr>
  <dimension ref="A1:AT53"/>
  <sheetViews>
    <sheetView tabSelected="1" view="pageBreakPreview" zoomScale="85" zoomScaleNormal="70" zoomScaleSheetLayoutView="85" workbookViewId="0">
      <selection activeCell="B35" sqref="B35:AR40"/>
    </sheetView>
  </sheetViews>
  <sheetFormatPr defaultColWidth="9" defaultRowHeight="13.5" x14ac:dyDescent="0.15"/>
  <cols>
    <col min="1" max="1" width="3.125" style="1" customWidth="1"/>
    <col min="2" max="28" width="2.75" style="1" customWidth="1"/>
    <col min="29" max="45" width="3" style="1" customWidth="1"/>
    <col min="46" max="54" width="2.625" style="1" customWidth="1"/>
    <col min="55" max="16384" width="9" style="1"/>
  </cols>
  <sheetData>
    <row r="1" spans="1:46" ht="17.25" x14ac:dyDescent="0.2">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3"/>
      <c r="AT1" s="4"/>
    </row>
    <row r="2" spans="1:46" ht="17.25" x14ac:dyDescent="0.2">
      <c r="A2" s="2"/>
      <c r="B2" s="2"/>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c r="AI2" s="2"/>
      <c r="AJ2" s="2"/>
      <c r="AK2" s="2"/>
      <c r="AL2" s="2"/>
      <c r="AM2" s="2"/>
      <c r="AN2" s="2"/>
      <c r="AO2" s="2"/>
      <c r="AP2" s="2"/>
      <c r="AQ2" s="2"/>
      <c r="AR2" s="2"/>
      <c r="AS2" s="5"/>
      <c r="AT2" s="4"/>
    </row>
    <row r="3" spans="1:46" ht="17.25" x14ac:dyDescent="0.2">
      <c r="A3" s="2"/>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c r="AS3" s="5"/>
      <c r="AT3" s="4"/>
    </row>
    <row r="4" spans="1:46" ht="17.25" x14ac:dyDescent="0.2">
      <c r="A4" s="2"/>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c r="AS4" s="2"/>
      <c r="AT4" s="4"/>
    </row>
    <row r="5" spans="1:46" ht="17.25" x14ac:dyDescent="0.2">
      <c r="A5" s="2"/>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K5" s="2"/>
      <c r="AL5" s="2"/>
      <c r="AM5" s="2"/>
      <c r="AN5" s="2"/>
      <c r="AO5" s="2"/>
      <c r="AP5" s="2"/>
      <c r="AQ5" s="2"/>
      <c r="AR5" s="2"/>
      <c r="AS5" s="5" t="s">
        <v>19</v>
      </c>
      <c r="AT5" s="4"/>
    </row>
    <row r="6" spans="1:46" ht="17.25" x14ac:dyDescent="0.2">
      <c r="A6" s="2"/>
      <c r="B6" s="6" t="s">
        <v>0</v>
      </c>
      <c r="C6" s="2"/>
      <c r="D6" s="2"/>
      <c r="E6" s="2"/>
      <c r="F6" s="2"/>
      <c r="G6" s="2"/>
      <c r="H6" s="2"/>
      <c r="I6" s="2"/>
      <c r="J6" s="2"/>
      <c r="K6" s="2"/>
      <c r="L6" s="2"/>
      <c r="M6" s="2"/>
      <c r="N6" s="2"/>
      <c r="O6" s="2"/>
      <c r="P6" s="2"/>
      <c r="Q6" s="2"/>
      <c r="R6" s="2"/>
      <c r="S6" s="2"/>
      <c r="T6" s="2"/>
      <c r="U6" s="2"/>
      <c r="V6" s="2"/>
      <c r="W6" s="2"/>
      <c r="X6" s="2"/>
      <c r="Y6" s="2"/>
      <c r="Z6" s="2"/>
      <c r="AA6" s="2"/>
      <c r="AB6" s="2"/>
      <c r="AC6" s="2"/>
      <c r="AD6" s="2"/>
      <c r="AE6" s="2"/>
      <c r="AF6" s="2"/>
      <c r="AG6" s="2"/>
      <c r="AH6" s="2"/>
      <c r="AI6" s="2"/>
      <c r="AJ6" s="2"/>
      <c r="AK6" s="2"/>
      <c r="AL6" s="2"/>
      <c r="AM6" s="2"/>
      <c r="AN6" s="2"/>
      <c r="AO6" s="2"/>
      <c r="AP6" s="2"/>
      <c r="AQ6" s="2"/>
      <c r="AR6" s="2"/>
      <c r="AS6" s="2"/>
      <c r="AT6" s="4"/>
    </row>
    <row r="7" spans="1:46" ht="9.75" customHeight="1" x14ac:dyDescent="0.2">
      <c r="A7" s="2"/>
      <c r="B7" s="6"/>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2"/>
      <c r="AP7" s="2"/>
      <c r="AQ7" s="2"/>
      <c r="AR7" s="2"/>
      <c r="AS7" s="2"/>
      <c r="AT7" s="4"/>
    </row>
    <row r="8" spans="1:46" ht="9.75" customHeight="1" x14ac:dyDescent="0.2">
      <c r="A8" s="2"/>
      <c r="B8" s="6"/>
      <c r="C8" s="2"/>
      <c r="D8" s="2"/>
      <c r="E8" s="2"/>
      <c r="F8" s="2"/>
      <c r="G8" s="2"/>
      <c r="H8" s="2"/>
      <c r="I8" s="2"/>
      <c r="J8" s="2"/>
      <c r="K8" s="2"/>
      <c r="L8" s="2"/>
      <c r="M8" s="2"/>
      <c r="N8" s="2"/>
      <c r="O8" s="2"/>
      <c r="P8" s="2"/>
      <c r="Q8" s="2"/>
      <c r="R8" s="2"/>
      <c r="S8" s="2"/>
      <c r="T8" s="2"/>
      <c r="U8" s="2"/>
      <c r="V8" s="2"/>
      <c r="W8" s="2"/>
      <c r="X8" s="2"/>
      <c r="Y8" s="2"/>
      <c r="Z8" s="2"/>
      <c r="AA8" s="2"/>
      <c r="AB8" s="2"/>
      <c r="AC8" s="2"/>
      <c r="AD8" s="2"/>
      <c r="AE8" s="2"/>
      <c r="AF8" s="2"/>
      <c r="AG8" s="2"/>
      <c r="AH8" s="2"/>
      <c r="AI8" s="2"/>
      <c r="AJ8" s="2"/>
      <c r="AK8" s="2"/>
      <c r="AL8" s="2"/>
      <c r="AM8" s="2"/>
      <c r="AN8" s="2"/>
      <c r="AO8" s="2"/>
      <c r="AP8" s="2"/>
      <c r="AQ8" s="2"/>
      <c r="AR8" s="2"/>
      <c r="AS8" s="2"/>
      <c r="AT8" s="4"/>
    </row>
    <row r="9" spans="1:46" ht="9.75" customHeight="1" x14ac:dyDescent="0.2">
      <c r="A9" s="2"/>
      <c r="B9" s="6"/>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2"/>
      <c r="AQ9" s="2"/>
      <c r="AR9" s="2"/>
      <c r="AS9" s="2"/>
      <c r="AT9" s="4"/>
    </row>
    <row r="10" spans="1:46" ht="9.75" customHeight="1" x14ac:dyDescent="0.15"/>
    <row r="11" spans="1:46" ht="51" customHeight="1" x14ac:dyDescent="0.15">
      <c r="A11" s="20" t="s">
        <v>13</v>
      </c>
      <c r="B11" s="20"/>
      <c r="C11" s="20"/>
      <c r="D11" s="20"/>
      <c r="E11" s="20"/>
      <c r="F11" s="20"/>
      <c r="G11" s="20"/>
      <c r="H11" s="20"/>
      <c r="I11" s="20"/>
      <c r="J11" s="20"/>
      <c r="K11" s="20"/>
      <c r="L11" s="20"/>
      <c r="M11" s="20"/>
      <c r="N11" s="20"/>
      <c r="O11" s="20"/>
      <c r="P11" s="20"/>
      <c r="Q11" s="20"/>
      <c r="R11" s="20"/>
      <c r="S11" s="20"/>
      <c r="T11" s="20"/>
      <c r="U11" s="20"/>
      <c r="V11" s="20"/>
      <c r="W11" s="20"/>
      <c r="X11" s="20"/>
      <c r="Y11" s="20"/>
      <c r="Z11" s="20"/>
      <c r="AA11" s="20"/>
      <c r="AB11" s="20"/>
      <c r="AC11" s="20"/>
      <c r="AD11" s="20"/>
      <c r="AE11" s="20"/>
      <c r="AF11" s="20"/>
      <c r="AG11" s="20"/>
      <c r="AH11" s="20"/>
      <c r="AI11" s="20"/>
      <c r="AJ11" s="20"/>
      <c r="AK11" s="20"/>
      <c r="AL11" s="20"/>
      <c r="AM11" s="20"/>
      <c r="AN11" s="20"/>
      <c r="AO11" s="20"/>
      <c r="AP11" s="20"/>
      <c r="AQ11" s="20"/>
      <c r="AR11" s="20"/>
      <c r="AS11" s="20"/>
    </row>
    <row r="12" spans="1:46" ht="9" customHeight="1" x14ac:dyDescent="0.15"/>
    <row r="13" spans="1:46" ht="9" customHeight="1" x14ac:dyDescent="0.15">
      <c r="V13" s="4"/>
      <c r="W13" s="4"/>
      <c r="X13" s="4"/>
      <c r="Y13" s="4"/>
      <c r="Z13" s="4"/>
      <c r="AA13" s="4"/>
      <c r="AB13" s="4"/>
      <c r="AC13" s="4"/>
      <c r="AD13" s="4"/>
      <c r="AE13" s="4"/>
      <c r="AF13" s="4"/>
      <c r="AG13" s="4"/>
      <c r="AH13" s="4"/>
      <c r="AI13" s="4"/>
      <c r="AJ13" s="4"/>
      <c r="AK13" s="4"/>
      <c r="AL13" s="4"/>
      <c r="AM13" s="4"/>
    </row>
    <row r="14" spans="1:46" ht="9" customHeight="1" x14ac:dyDescent="0.15">
      <c r="V14" s="4"/>
      <c r="W14" s="4"/>
      <c r="X14" s="4"/>
      <c r="Y14" s="4"/>
      <c r="Z14" s="4"/>
      <c r="AA14" s="4"/>
      <c r="AB14" s="4"/>
      <c r="AC14" s="4"/>
      <c r="AD14" s="4"/>
      <c r="AE14" s="4"/>
      <c r="AF14" s="4"/>
      <c r="AG14" s="4"/>
      <c r="AH14" s="4"/>
      <c r="AI14" s="4"/>
      <c r="AJ14" s="4"/>
      <c r="AK14" s="4"/>
      <c r="AL14" s="4"/>
      <c r="AM14" s="4"/>
    </row>
    <row r="15" spans="1:46" ht="9" customHeight="1" x14ac:dyDescent="0.2">
      <c r="P15" s="2"/>
      <c r="Q15" s="2"/>
      <c r="R15" s="2"/>
      <c r="S15" s="2"/>
      <c r="T15" s="2"/>
      <c r="U15" s="2"/>
      <c r="V15" s="2"/>
      <c r="W15" s="2"/>
      <c r="X15" s="2"/>
      <c r="Y15" s="2"/>
      <c r="Z15" s="2"/>
      <c r="AA15" s="2"/>
      <c r="AB15" s="2"/>
      <c r="AC15" s="2"/>
      <c r="AD15" s="2"/>
      <c r="AE15" s="2"/>
      <c r="AF15" s="2"/>
      <c r="AG15" s="2"/>
      <c r="AH15" s="2"/>
      <c r="AI15" s="2"/>
      <c r="AJ15" s="2"/>
      <c r="AK15" s="2"/>
      <c r="AL15" s="2"/>
      <c r="AM15" s="2"/>
      <c r="AN15" s="2"/>
    </row>
    <row r="16" spans="1:46" ht="20.25" customHeight="1" x14ac:dyDescent="0.2">
      <c r="P16" s="2"/>
      <c r="Q16" s="2"/>
      <c r="R16" s="2"/>
      <c r="S16" s="2"/>
      <c r="T16" s="2"/>
      <c r="U16" s="2"/>
      <c r="V16" s="2"/>
      <c r="W16" s="2"/>
      <c r="X16" s="7" t="s">
        <v>1</v>
      </c>
      <c r="Y16" s="2"/>
      <c r="Z16" s="2"/>
      <c r="AA16" s="2"/>
      <c r="AB16" s="2"/>
      <c r="AC16" s="2"/>
      <c r="AD16" s="2"/>
      <c r="AE16" s="2"/>
      <c r="AF16" s="2"/>
      <c r="AG16" s="2"/>
      <c r="AH16" s="2"/>
      <c r="AI16" s="2"/>
      <c r="AJ16" s="2"/>
      <c r="AK16" s="2"/>
      <c r="AL16" s="2"/>
      <c r="AM16" s="2"/>
      <c r="AN16" s="2"/>
    </row>
    <row r="17" spans="1:45" ht="20.25" customHeight="1" x14ac:dyDescent="0.2">
      <c r="P17" s="2"/>
      <c r="Q17" s="2"/>
      <c r="R17" s="2"/>
      <c r="S17" s="2"/>
      <c r="T17" s="2"/>
      <c r="U17" s="2"/>
      <c r="V17" s="2"/>
      <c r="W17" s="2"/>
      <c r="X17" s="7" t="s">
        <v>2</v>
      </c>
      <c r="Y17" s="2"/>
      <c r="Z17" s="2"/>
      <c r="AA17" s="2"/>
      <c r="AB17" s="2"/>
      <c r="AC17" s="26"/>
      <c r="AD17" s="26"/>
      <c r="AE17" s="26"/>
      <c r="AF17" s="26"/>
      <c r="AG17" s="26"/>
      <c r="AH17" s="26"/>
      <c r="AI17" s="26"/>
      <c r="AJ17" s="26"/>
      <c r="AK17" s="26"/>
      <c r="AL17" s="26"/>
      <c r="AM17" s="26"/>
      <c r="AN17" s="26"/>
      <c r="AO17" s="26"/>
      <c r="AP17" s="26"/>
      <c r="AQ17" s="26"/>
      <c r="AR17" s="26"/>
      <c r="AS17" s="26"/>
    </row>
    <row r="18" spans="1:45" ht="20.25" customHeight="1" x14ac:dyDescent="0.2">
      <c r="P18" s="2"/>
      <c r="Q18" s="2"/>
      <c r="R18" s="2"/>
      <c r="S18" s="2"/>
      <c r="T18" s="2"/>
      <c r="U18" s="2"/>
      <c r="V18" s="2"/>
      <c r="W18" s="2"/>
      <c r="X18" s="12" t="s">
        <v>3</v>
      </c>
      <c r="Y18" s="12"/>
      <c r="Z18" s="12"/>
      <c r="AA18" s="12"/>
      <c r="AB18" s="12"/>
      <c r="AC18" s="27"/>
      <c r="AD18" s="27"/>
      <c r="AE18" s="27"/>
      <c r="AF18" s="27"/>
      <c r="AG18" s="27"/>
      <c r="AH18" s="27"/>
      <c r="AI18" s="27"/>
      <c r="AJ18" s="27"/>
      <c r="AK18" s="27"/>
      <c r="AL18" s="27"/>
      <c r="AM18" s="27"/>
      <c r="AN18" s="27"/>
      <c r="AO18" s="27"/>
      <c r="AP18" s="27"/>
      <c r="AQ18" s="27"/>
      <c r="AR18" s="27"/>
      <c r="AS18" s="27"/>
    </row>
    <row r="19" spans="1:45" ht="20.25" customHeight="1" x14ac:dyDescent="0.2">
      <c r="P19" s="2"/>
      <c r="Q19" s="2"/>
      <c r="R19" s="2"/>
      <c r="S19" s="2"/>
      <c r="T19" s="2"/>
      <c r="U19" s="2"/>
      <c r="V19" s="2"/>
      <c r="W19" s="2"/>
      <c r="X19" s="13" t="s">
        <v>9</v>
      </c>
      <c r="Y19" s="13"/>
      <c r="Z19" s="13"/>
      <c r="AA19" s="13"/>
      <c r="AB19" s="13"/>
      <c r="AC19" s="13"/>
      <c r="AD19" s="13"/>
      <c r="AE19" s="13"/>
      <c r="AF19" s="13"/>
      <c r="AG19" s="13"/>
      <c r="AH19" s="2"/>
      <c r="AI19" s="2"/>
      <c r="AJ19" s="2"/>
      <c r="AK19" s="2"/>
      <c r="AL19" s="2"/>
      <c r="AM19" s="2"/>
      <c r="AN19" s="2"/>
    </row>
    <row r="20" spans="1:45" ht="20.25" customHeight="1" x14ac:dyDescent="0.2">
      <c r="P20" s="2"/>
      <c r="Q20" s="2"/>
      <c r="R20" s="2"/>
      <c r="S20" s="2"/>
      <c r="T20" s="2"/>
      <c r="U20" s="2"/>
      <c r="V20" s="2"/>
      <c r="W20" s="2"/>
      <c r="X20" s="13" t="s">
        <v>10</v>
      </c>
      <c r="Y20" s="13"/>
      <c r="Z20" s="13"/>
      <c r="AA20" s="13"/>
      <c r="AB20" s="13"/>
      <c r="AC20" s="13"/>
      <c r="AD20" s="13"/>
      <c r="AE20" s="13"/>
      <c r="AF20" s="13"/>
      <c r="AG20" s="13"/>
      <c r="AH20" s="2"/>
      <c r="AI20" s="2"/>
      <c r="AJ20" s="2"/>
      <c r="AK20" s="2"/>
      <c r="AL20" s="2"/>
      <c r="AM20" s="2"/>
      <c r="AN20" s="2"/>
    </row>
    <row r="21" spans="1:45" ht="30" customHeight="1" x14ac:dyDescent="0.2">
      <c r="P21" s="2"/>
      <c r="Q21" s="2"/>
      <c r="R21" s="2"/>
      <c r="S21" s="2"/>
      <c r="T21" s="2"/>
      <c r="U21" s="2"/>
      <c r="V21" s="2"/>
      <c r="W21" s="2"/>
      <c r="X21" s="12"/>
      <c r="Y21" s="12"/>
      <c r="Z21" s="12"/>
      <c r="AA21" s="12"/>
      <c r="AB21" s="12"/>
      <c r="AC21" s="27"/>
      <c r="AD21" s="27"/>
      <c r="AE21" s="27"/>
      <c r="AF21" s="27"/>
      <c r="AG21" s="27"/>
      <c r="AH21" s="27"/>
      <c r="AI21" s="27"/>
      <c r="AJ21" s="27"/>
      <c r="AK21" s="27"/>
      <c r="AL21" s="27"/>
      <c r="AM21" s="27"/>
      <c r="AN21" s="27"/>
      <c r="AO21" s="27"/>
      <c r="AP21" s="27"/>
      <c r="AQ21" s="27"/>
      <c r="AR21" s="27"/>
      <c r="AS21" s="27"/>
    </row>
    <row r="22" spans="1:45" ht="33.6" customHeight="1" x14ac:dyDescent="0.2">
      <c r="P22" s="2"/>
      <c r="Q22" s="2"/>
      <c r="R22" s="2"/>
      <c r="S22" s="2"/>
      <c r="T22" s="2"/>
      <c r="U22" s="2"/>
      <c r="V22" s="2"/>
      <c r="W22" s="2"/>
      <c r="X22" s="14" t="s">
        <v>4</v>
      </c>
      <c r="Y22" s="15"/>
      <c r="Z22" s="15"/>
      <c r="AA22" s="15"/>
      <c r="AB22" s="15"/>
      <c r="AC22" s="15"/>
      <c r="AD22" s="28"/>
      <c r="AE22" s="28"/>
      <c r="AF22" s="28"/>
      <c r="AG22" s="28"/>
      <c r="AH22" s="28"/>
      <c r="AI22" s="28"/>
      <c r="AJ22" s="28"/>
      <c r="AK22" s="28"/>
      <c r="AL22" s="28"/>
      <c r="AM22" s="28"/>
      <c r="AN22" s="28"/>
      <c r="AO22" s="28"/>
      <c r="AP22" s="28"/>
      <c r="AQ22" s="28"/>
      <c r="AR22" s="28"/>
      <c r="AS22" s="28"/>
    </row>
    <row r="23" spans="1:45" ht="20.25" customHeight="1" x14ac:dyDescent="0.2">
      <c r="P23" s="2"/>
      <c r="Q23" s="2"/>
      <c r="R23" s="2"/>
      <c r="S23" s="2"/>
      <c r="T23" s="2"/>
      <c r="U23" s="2"/>
      <c r="V23" s="2"/>
      <c r="W23" s="2"/>
      <c r="X23" s="2"/>
      <c r="Y23" s="2"/>
      <c r="Z23" s="2"/>
      <c r="AA23" s="2"/>
      <c r="AB23" s="2"/>
      <c r="AC23" s="2"/>
      <c r="AD23" s="2"/>
      <c r="AE23" s="2"/>
      <c r="AF23" s="2"/>
      <c r="AG23" s="2"/>
      <c r="AH23" s="2"/>
      <c r="AI23" s="2"/>
      <c r="AJ23" s="2"/>
      <c r="AK23" s="2"/>
      <c r="AL23" s="2"/>
      <c r="AM23" s="2"/>
      <c r="AN23" s="2"/>
    </row>
    <row r="24" spans="1:45" ht="20.25" customHeight="1" x14ac:dyDescent="0.2">
      <c r="P24" s="2"/>
      <c r="Q24" s="2"/>
      <c r="R24" s="2"/>
      <c r="S24" s="2"/>
      <c r="T24" s="2"/>
      <c r="U24" s="2"/>
      <c r="V24" s="2"/>
      <c r="W24" s="2"/>
      <c r="X24" s="7" t="s">
        <v>5</v>
      </c>
      <c r="Y24" s="2"/>
      <c r="Z24" s="2"/>
      <c r="AA24" s="2"/>
      <c r="AB24" s="2"/>
      <c r="AC24" s="2"/>
      <c r="AD24" s="2"/>
      <c r="AE24" s="2"/>
      <c r="AF24" s="2"/>
      <c r="AG24" s="2"/>
      <c r="AH24" s="2"/>
      <c r="AI24" s="2"/>
      <c r="AJ24" s="2"/>
      <c r="AK24" s="2"/>
      <c r="AL24" s="2"/>
      <c r="AM24" s="2"/>
      <c r="AN24" s="2"/>
    </row>
    <row r="25" spans="1:45" ht="20.25" customHeight="1" x14ac:dyDescent="0.2">
      <c r="P25" s="2"/>
      <c r="Q25" s="2"/>
      <c r="R25" s="2"/>
      <c r="S25" s="2"/>
      <c r="T25" s="2"/>
      <c r="U25" s="2"/>
      <c r="V25" s="2"/>
      <c r="W25" s="2"/>
      <c r="X25" s="7" t="s">
        <v>6</v>
      </c>
      <c r="Y25" s="2"/>
      <c r="Z25" s="2"/>
      <c r="AA25" s="2"/>
      <c r="AB25" s="2"/>
      <c r="AC25" s="2"/>
      <c r="AD25" s="26"/>
      <c r="AE25" s="26"/>
      <c r="AF25" s="26"/>
      <c r="AG25" s="26"/>
      <c r="AH25" s="26"/>
      <c r="AI25" s="26"/>
      <c r="AJ25" s="26"/>
      <c r="AK25" s="26"/>
      <c r="AL25" s="26"/>
      <c r="AM25" s="26"/>
      <c r="AN25" s="26"/>
      <c r="AO25" s="26"/>
      <c r="AP25" s="26"/>
      <c r="AQ25" s="26"/>
      <c r="AR25" s="26"/>
      <c r="AS25" s="26"/>
    </row>
    <row r="26" spans="1:45" ht="20.25" customHeight="1" x14ac:dyDescent="0.2">
      <c r="P26" s="2"/>
      <c r="Q26" s="2"/>
      <c r="R26" s="2"/>
      <c r="S26" s="2"/>
      <c r="T26" s="2"/>
      <c r="U26" s="2"/>
      <c r="V26" s="2"/>
      <c r="W26" s="2"/>
      <c r="X26" s="18" t="s">
        <v>7</v>
      </c>
      <c r="Y26" s="12"/>
      <c r="Z26" s="12"/>
      <c r="AA26" s="12"/>
      <c r="AB26" s="12"/>
      <c r="AC26" s="12"/>
      <c r="AD26" s="27"/>
      <c r="AE26" s="27"/>
      <c r="AF26" s="27"/>
      <c r="AG26" s="27"/>
      <c r="AH26" s="27"/>
      <c r="AI26" s="27"/>
      <c r="AJ26" s="27"/>
      <c r="AK26" s="27"/>
      <c r="AL26" s="27"/>
      <c r="AM26" s="27"/>
      <c r="AN26" s="27"/>
      <c r="AO26" s="27"/>
      <c r="AP26" s="27"/>
      <c r="AQ26" s="27"/>
      <c r="AR26" s="27"/>
      <c r="AS26" s="27"/>
    </row>
    <row r="27" spans="1:45" ht="20.25" customHeight="1" x14ac:dyDescent="0.2">
      <c r="P27" s="2"/>
      <c r="Q27" s="2"/>
      <c r="R27" s="2"/>
      <c r="S27" s="2"/>
      <c r="T27" s="2"/>
      <c r="U27" s="2"/>
      <c r="V27" s="2"/>
      <c r="W27" s="2"/>
      <c r="X27" s="7" t="s">
        <v>8</v>
      </c>
      <c r="Y27" s="2"/>
      <c r="Z27" s="2"/>
      <c r="AA27" s="2"/>
      <c r="AB27" s="2"/>
      <c r="AC27" s="2"/>
      <c r="AD27" s="2"/>
      <c r="AE27" s="2"/>
      <c r="AF27" s="2"/>
      <c r="AG27" s="2"/>
      <c r="AH27" s="2"/>
      <c r="AI27" s="2"/>
      <c r="AJ27" s="2"/>
      <c r="AK27" s="2"/>
      <c r="AL27" s="2"/>
      <c r="AM27" s="2"/>
      <c r="AN27" s="2"/>
    </row>
    <row r="28" spans="1:45" ht="7.5" customHeight="1" x14ac:dyDescent="0.2">
      <c r="P28" s="2"/>
      <c r="Q28" s="2"/>
      <c r="R28" s="2"/>
      <c r="S28" s="2"/>
      <c r="T28" s="2"/>
      <c r="U28" s="2"/>
      <c r="V28" s="2"/>
      <c r="W28" s="2"/>
      <c r="X28" s="7"/>
      <c r="Y28" s="2"/>
      <c r="Z28" s="2"/>
      <c r="AA28" s="2"/>
      <c r="AB28" s="2"/>
      <c r="AC28" s="2"/>
      <c r="AD28" s="2"/>
      <c r="AE28" s="2"/>
      <c r="AF28" s="2"/>
      <c r="AG28" s="2"/>
      <c r="AH28" s="2"/>
      <c r="AI28" s="2"/>
      <c r="AJ28" s="2"/>
      <c r="AK28" s="2"/>
      <c r="AL28" s="2"/>
      <c r="AM28" s="2"/>
      <c r="AN28" s="2"/>
    </row>
    <row r="29" spans="1:45" s="9" customFormat="1" ht="38.25" customHeight="1" x14ac:dyDescent="0.15">
      <c r="A29" s="6"/>
      <c r="B29" s="16" t="s">
        <v>11</v>
      </c>
      <c r="C29" s="6"/>
      <c r="D29" s="6"/>
      <c r="E29" s="6"/>
      <c r="F29" s="6"/>
      <c r="G29" s="6"/>
      <c r="H29" s="6"/>
      <c r="I29" s="6"/>
      <c r="J29" s="6"/>
      <c r="K29" s="6"/>
      <c r="L29" s="6"/>
      <c r="M29" s="6"/>
      <c r="N29" s="6"/>
      <c r="O29" s="6"/>
      <c r="P29" s="6"/>
      <c r="Q29" s="6"/>
      <c r="R29" s="6"/>
      <c r="S29" s="6"/>
      <c r="T29" s="6"/>
      <c r="U29" s="6"/>
      <c r="V29" s="6"/>
      <c r="W29" s="6"/>
      <c r="X29" s="6"/>
      <c r="Y29" s="6"/>
      <c r="Z29" s="6"/>
      <c r="AA29" s="6"/>
      <c r="AB29" s="6"/>
      <c r="AC29" s="6"/>
      <c r="AD29" s="6"/>
      <c r="AE29" s="6"/>
      <c r="AF29" s="6"/>
      <c r="AG29" s="6"/>
      <c r="AH29" s="6"/>
      <c r="AI29" s="6"/>
      <c r="AJ29" s="6"/>
      <c r="AK29" s="6"/>
      <c r="AL29" s="6"/>
      <c r="AM29" s="6"/>
      <c r="AN29" s="6"/>
      <c r="AO29" s="6"/>
      <c r="AP29" s="6"/>
      <c r="AQ29" s="6"/>
      <c r="AR29" s="6"/>
      <c r="AS29" s="6"/>
    </row>
    <row r="30" spans="1:45" ht="7.15" customHeight="1" x14ac:dyDescent="0.15">
      <c r="V30" s="4"/>
      <c r="W30" s="4"/>
      <c r="X30" s="4"/>
      <c r="Y30" s="4"/>
      <c r="Z30" s="4"/>
      <c r="AA30" s="8"/>
      <c r="AB30" s="4"/>
      <c r="AC30" s="4"/>
      <c r="AD30" s="4"/>
      <c r="AE30" s="4"/>
      <c r="AF30" s="4"/>
      <c r="AG30" s="4"/>
      <c r="AH30" s="4"/>
      <c r="AI30" s="4"/>
      <c r="AJ30" s="4"/>
      <c r="AK30" s="4"/>
      <c r="AL30" s="4"/>
      <c r="AM30" s="4"/>
    </row>
    <row r="31" spans="1:45" s="9" customFormat="1" ht="38.25" customHeight="1" x14ac:dyDescent="0.15">
      <c r="A31" s="6"/>
      <c r="B31" s="21" t="s">
        <v>12</v>
      </c>
      <c r="C31" s="21"/>
      <c r="D31" s="21"/>
      <c r="E31" s="21"/>
      <c r="F31" s="21"/>
      <c r="G31" s="21"/>
      <c r="H31" s="21"/>
      <c r="I31" s="21"/>
      <c r="J31" s="21"/>
      <c r="K31" s="21"/>
      <c r="L31" s="21"/>
      <c r="M31" s="21"/>
      <c r="N31" s="21"/>
      <c r="O31" s="21"/>
      <c r="P31" s="21"/>
      <c r="Q31" s="21"/>
      <c r="R31" s="21"/>
      <c r="S31" s="21"/>
      <c r="T31" s="21"/>
      <c r="U31" s="21"/>
      <c r="V31" s="21"/>
      <c r="W31" s="21"/>
      <c r="X31" s="21"/>
      <c r="Y31" s="21"/>
      <c r="Z31" s="21"/>
      <c r="AA31" s="21"/>
      <c r="AB31" s="21"/>
      <c r="AC31" s="21"/>
      <c r="AD31" s="21"/>
      <c r="AE31" s="21"/>
      <c r="AF31" s="21"/>
      <c r="AG31" s="21"/>
      <c r="AH31" s="21"/>
      <c r="AI31" s="21"/>
      <c r="AJ31" s="21"/>
      <c r="AK31" s="21"/>
      <c r="AL31" s="21"/>
      <c r="AM31" s="21"/>
      <c r="AN31" s="21"/>
      <c r="AO31" s="21"/>
      <c r="AP31" s="21"/>
      <c r="AQ31" s="21"/>
      <c r="AR31" s="21"/>
      <c r="AS31" s="6"/>
    </row>
    <row r="32" spans="1:45" ht="7.5" customHeight="1" x14ac:dyDescent="0.15">
      <c r="V32" s="4"/>
      <c r="W32" s="4"/>
      <c r="X32" s="4"/>
      <c r="Y32" s="4"/>
      <c r="Z32" s="4"/>
      <c r="AA32" s="8"/>
      <c r="AB32" s="4"/>
      <c r="AC32" s="4"/>
      <c r="AD32" s="4"/>
      <c r="AE32" s="4"/>
      <c r="AF32" s="4"/>
      <c r="AG32" s="4"/>
      <c r="AH32" s="4"/>
      <c r="AI32" s="4"/>
      <c r="AJ32" s="4"/>
      <c r="AK32" s="4"/>
      <c r="AL32" s="4"/>
      <c r="AM32" s="4"/>
    </row>
    <row r="33" spans="1:45" ht="7.5" customHeight="1" x14ac:dyDescent="0.15">
      <c r="V33" s="4"/>
      <c r="W33" s="4"/>
      <c r="X33" s="4"/>
      <c r="Y33" s="4"/>
      <c r="Z33" s="4"/>
      <c r="AA33" s="8"/>
      <c r="AB33" s="4"/>
      <c r="AC33" s="4"/>
      <c r="AD33" s="4"/>
      <c r="AE33" s="4"/>
      <c r="AF33" s="4"/>
      <c r="AG33" s="4"/>
      <c r="AH33" s="4"/>
      <c r="AI33" s="4"/>
      <c r="AJ33" s="4"/>
      <c r="AK33" s="4"/>
      <c r="AL33" s="4"/>
      <c r="AM33" s="4"/>
    </row>
    <row r="34" spans="1:45" ht="7.5" customHeight="1" x14ac:dyDescent="0.15">
      <c r="V34" s="4"/>
      <c r="W34" s="4"/>
      <c r="X34" s="4"/>
      <c r="Y34" s="4"/>
      <c r="Z34" s="4"/>
      <c r="AA34" s="4"/>
      <c r="AB34" s="4"/>
      <c r="AC34" s="4"/>
      <c r="AD34" s="4"/>
      <c r="AE34" s="4"/>
      <c r="AF34" s="4"/>
      <c r="AG34" s="4"/>
      <c r="AH34" s="4"/>
      <c r="AI34" s="4"/>
      <c r="AJ34" s="4"/>
      <c r="AK34" s="4"/>
      <c r="AL34" s="4"/>
      <c r="AM34" s="4"/>
    </row>
    <row r="35" spans="1:45" s="9" customFormat="1" ht="30.75" customHeight="1" x14ac:dyDescent="0.15">
      <c r="A35" s="6"/>
      <c r="B35" s="22" t="s">
        <v>18</v>
      </c>
      <c r="C35" s="23"/>
      <c r="D35" s="23"/>
      <c r="E35" s="23"/>
      <c r="F35" s="23"/>
      <c r="G35" s="23"/>
      <c r="H35" s="23"/>
      <c r="I35" s="23"/>
      <c r="J35" s="23"/>
      <c r="K35" s="23"/>
      <c r="L35" s="23"/>
      <c r="M35" s="23"/>
      <c r="N35" s="23"/>
      <c r="O35" s="23"/>
      <c r="P35" s="23"/>
      <c r="Q35" s="23"/>
      <c r="R35" s="23"/>
      <c r="S35" s="23"/>
      <c r="T35" s="23"/>
      <c r="U35" s="23"/>
      <c r="V35" s="23"/>
      <c r="W35" s="23"/>
      <c r="X35" s="23"/>
      <c r="Y35" s="23"/>
      <c r="Z35" s="23"/>
      <c r="AA35" s="23"/>
      <c r="AB35" s="23"/>
      <c r="AC35" s="23"/>
      <c r="AD35" s="23"/>
      <c r="AE35" s="23"/>
      <c r="AF35" s="23"/>
      <c r="AG35" s="23"/>
      <c r="AH35" s="23"/>
      <c r="AI35" s="23"/>
      <c r="AJ35" s="23"/>
      <c r="AK35" s="23"/>
      <c r="AL35" s="23"/>
      <c r="AM35" s="23"/>
      <c r="AN35" s="23"/>
      <c r="AO35" s="23"/>
      <c r="AP35" s="23"/>
      <c r="AQ35" s="23"/>
      <c r="AR35" s="23"/>
      <c r="AS35" s="6"/>
    </row>
    <row r="36" spans="1:45" s="9" customFormat="1" ht="25.5" customHeight="1" x14ac:dyDescent="0.15">
      <c r="A36" s="6"/>
      <c r="B36" s="23"/>
      <c r="C36" s="23"/>
      <c r="D36" s="23"/>
      <c r="E36" s="23"/>
      <c r="F36" s="23"/>
      <c r="G36" s="23"/>
      <c r="H36" s="23"/>
      <c r="I36" s="23"/>
      <c r="J36" s="23"/>
      <c r="K36" s="23"/>
      <c r="L36" s="23"/>
      <c r="M36" s="23"/>
      <c r="N36" s="23"/>
      <c r="O36" s="23"/>
      <c r="P36" s="23"/>
      <c r="Q36" s="23"/>
      <c r="R36" s="23"/>
      <c r="S36" s="23"/>
      <c r="T36" s="23"/>
      <c r="U36" s="23"/>
      <c r="V36" s="23"/>
      <c r="W36" s="23"/>
      <c r="X36" s="23"/>
      <c r="Y36" s="23"/>
      <c r="Z36" s="23"/>
      <c r="AA36" s="23"/>
      <c r="AB36" s="23"/>
      <c r="AC36" s="23"/>
      <c r="AD36" s="23"/>
      <c r="AE36" s="23"/>
      <c r="AF36" s="23"/>
      <c r="AG36" s="23"/>
      <c r="AH36" s="23"/>
      <c r="AI36" s="23"/>
      <c r="AJ36" s="23"/>
      <c r="AK36" s="23"/>
      <c r="AL36" s="23"/>
      <c r="AM36" s="23"/>
      <c r="AN36" s="23"/>
      <c r="AO36" s="23"/>
      <c r="AP36" s="23"/>
      <c r="AQ36" s="23"/>
      <c r="AR36" s="23"/>
      <c r="AS36" s="6"/>
    </row>
    <row r="37" spans="1:45" s="9" customFormat="1" ht="30.75" customHeight="1" x14ac:dyDescent="0.15">
      <c r="A37" s="6"/>
      <c r="B37" s="24"/>
      <c r="C37" s="24"/>
      <c r="D37" s="24"/>
      <c r="E37" s="24"/>
      <c r="F37" s="24"/>
      <c r="G37" s="24"/>
      <c r="H37" s="24"/>
      <c r="I37" s="24"/>
      <c r="J37" s="24"/>
      <c r="K37" s="24"/>
      <c r="L37" s="24"/>
      <c r="M37" s="24"/>
      <c r="N37" s="24"/>
      <c r="O37" s="24"/>
      <c r="P37" s="24"/>
      <c r="Q37" s="24"/>
      <c r="R37" s="24"/>
      <c r="S37" s="24"/>
      <c r="T37" s="24"/>
      <c r="U37" s="24"/>
      <c r="V37" s="24"/>
      <c r="W37" s="24"/>
      <c r="X37" s="24"/>
      <c r="Y37" s="24"/>
      <c r="Z37" s="24"/>
      <c r="AA37" s="24"/>
      <c r="AB37" s="24"/>
      <c r="AC37" s="24"/>
      <c r="AD37" s="24"/>
      <c r="AE37" s="24"/>
      <c r="AF37" s="24"/>
      <c r="AG37" s="24"/>
      <c r="AH37" s="24"/>
      <c r="AI37" s="24"/>
      <c r="AJ37" s="24"/>
      <c r="AK37" s="24"/>
      <c r="AL37" s="24"/>
      <c r="AM37" s="24"/>
      <c r="AN37" s="24"/>
      <c r="AO37" s="24"/>
      <c r="AP37" s="24"/>
      <c r="AQ37" s="24"/>
      <c r="AR37" s="24"/>
      <c r="AS37" s="6"/>
    </row>
    <row r="38" spans="1:45" s="9" customFormat="1" ht="30.75" customHeight="1" x14ac:dyDescent="0.15">
      <c r="A38" s="6"/>
      <c r="B38" s="24"/>
      <c r="C38" s="24"/>
      <c r="D38" s="24"/>
      <c r="E38" s="24"/>
      <c r="F38" s="24"/>
      <c r="G38" s="24"/>
      <c r="H38" s="24"/>
      <c r="I38" s="24"/>
      <c r="J38" s="24"/>
      <c r="K38" s="24"/>
      <c r="L38" s="24"/>
      <c r="M38" s="24"/>
      <c r="N38" s="24"/>
      <c r="O38" s="24"/>
      <c r="P38" s="24"/>
      <c r="Q38" s="24"/>
      <c r="R38" s="24"/>
      <c r="S38" s="24"/>
      <c r="T38" s="24"/>
      <c r="U38" s="24"/>
      <c r="V38" s="24"/>
      <c r="W38" s="24"/>
      <c r="X38" s="24"/>
      <c r="Y38" s="24"/>
      <c r="Z38" s="24"/>
      <c r="AA38" s="24"/>
      <c r="AB38" s="24"/>
      <c r="AC38" s="24"/>
      <c r="AD38" s="24"/>
      <c r="AE38" s="24"/>
      <c r="AF38" s="24"/>
      <c r="AG38" s="24"/>
      <c r="AH38" s="24"/>
      <c r="AI38" s="24"/>
      <c r="AJ38" s="24"/>
      <c r="AK38" s="24"/>
      <c r="AL38" s="24"/>
      <c r="AM38" s="24"/>
      <c r="AN38" s="24"/>
      <c r="AO38" s="24"/>
      <c r="AP38" s="24"/>
      <c r="AQ38" s="24"/>
      <c r="AR38" s="24"/>
      <c r="AS38" s="6"/>
    </row>
    <row r="39" spans="1:45" s="9" customFormat="1" ht="28.9" customHeight="1" x14ac:dyDescent="0.15">
      <c r="A39" s="6"/>
      <c r="B39" s="24"/>
      <c r="C39" s="24"/>
      <c r="D39" s="24"/>
      <c r="E39" s="24"/>
      <c r="F39" s="24"/>
      <c r="G39" s="24"/>
      <c r="H39" s="24"/>
      <c r="I39" s="24"/>
      <c r="J39" s="24"/>
      <c r="K39" s="24"/>
      <c r="L39" s="24"/>
      <c r="M39" s="24"/>
      <c r="N39" s="24"/>
      <c r="O39" s="24"/>
      <c r="P39" s="24"/>
      <c r="Q39" s="24"/>
      <c r="R39" s="24"/>
      <c r="S39" s="24"/>
      <c r="T39" s="24"/>
      <c r="U39" s="24"/>
      <c r="V39" s="24"/>
      <c r="W39" s="24"/>
      <c r="X39" s="24"/>
      <c r="Y39" s="24"/>
      <c r="Z39" s="24"/>
      <c r="AA39" s="24"/>
      <c r="AB39" s="24"/>
      <c r="AC39" s="24"/>
      <c r="AD39" s="24"/>
      <c r="AE39" s="24"/>
      <c r="AF39" s="24"/>
      <c r="AG39" s="24"/>
      <c r="AH39" s="24"/>
      <c r="AI39" s="24"/>
      <c r="AJ39" s="24"/>
      <c r="AK39" s="24"/>
      <c r="AL39" s="24"/>
      <c r="AM39" s="24"/>
      <c r="AN39" s="24"/>
      <c r="AO39" s="24"/>
      <c r="AP39" s="24"/>
      <c r="AQ39" s="24"/>
      <c r="AR39" s="24"/>
      <c r="AS39" s="6"/>
    </row>
    <row r="40" spans="1:45" ht="30.75" customHeight="1" x14ac:dyDescent="0.15">
      <c r="A40" s="4"/>
      <c r="B40" s="25"/>
      <c r="C40" s="25"/>
      <c r="D40" s="25"/>
      <c r="E40" s="25"/>
      <c r="F40" s="25"/>
      <c r="G40" s="25"/>
      <c r="H40" s="25"/>
      <c r="I40" s="25"/>
      <c r="J40" s="25"/>
      <c r="K40" s="25"/>
      <c r="L40" s="25"/>
      <c r="M40" s="25"/>
      <c r="N40" s="25"/>
      <c r="O40" s="25"/>
      <c r="P40" s="25"/>
      <c r="Q40" s="25"/>
      <c r="R40" s="25"/>
      <c r="S40" s="25"/>
      <c r="T40" s="25"/>
      <c r="U40" s="25"/>
      <c r="V40" s="25"/>
      <c r="W40" s="25"/>
      <c r="X40" s="25"/>
      <c r="Y40" s="25"/>
      <c r="Z40" s="25"/>
      <c r="AA40" s="25"/>
      <c r="AB40" s="25"/>
      <c r="AC40" s="25"/>
      <c r="AD40" s="25"/>
      <c r="AE40" s="25"/>
      <c r="AF40" s="25"/>
      <c r="AG40" s="25"/>
      <c r="AH40" s="25"/>
      <c r="AI40" s="25"/>
      <c r="AJ40" s="25"/>
      <c r="AK40" s="25"/>
      <c r="AL40" s="25"/>
      <c r="AM40" s="25"/>
      <c r="AN40" s="25"/>
      <c r="AO40" s="25"/>
      <c r="AP40" s="25"/>
      <c r="AQ40" s="25"/>
      <c r="AR40" s="25"/>
      <c r="AS40" s="4"/>
    </row>
    <row r="41" spans="1:45" ht="9" customHeight="1" x14ac:dyDescent="0.15">
      <c r="A41" s="4"/>
      <c r="B41" s="4"/>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row>
    <row r="42" spans="1:45" ht="9" customHeight="1" x14ac:dyDescent="0.15">
      <c r="A42" s="4"/>
      <c r="B42" s="4"/>
      <c r="C42" s="4"/>
      <c r="D42" s="4"/>
      <c r="E42" s="4"/>
      <c r="F42" s="4"/>
      <c r="G42" s="4"/>
      <c r="H42" s="4"/>
      <c r="I42" s="4"/>
      <c r="J42" s="4"/>
      <c r="K42" s="4"/>
      <c r="L42" s="4"/>
      <c r="M42" s="4"/>
      <c r="N42" s="17"/>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row>
    <row r="43" spans="1:45" ht="30" customHeight="1" x14ac:dyDescent="0.15">
      <c r="A43" s="4"/>
      <c r="B43" s="4"/>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row>
    <row r="44" spans="1:45" s="2" customFormat="1" ht="30" customHeight="1" x14ac:dyDescent="0.2">
      <c r="B44" s="10" t="s">
        <v>15</v>
      </c>
      <c r="C44" s="11" t="s">
        <v>14</v>
      </c>
    </row>
    <row r="45" spans="1:45" s="2" customFormat="1" ht="38.450000000000003" customHeight="1" x14ac:dyDescent="0.2">
      <c r="B45" s="10"/>
      <c r="C45" s="19" t="s">
        <v>16</v>
      </c>
      <c r="D45" s="19"/>
      <c r="E45" s="19"/>
      <c r="F45" s="19"/>
      <c r="G45" s="19"/>
      <c r="H45" s="19"/>
      <c r="I45" s="19"/>
      <c r="J45" s="19"/>
      <c r="K45" s="19"/>
      <c r="L45" s="19"/>
      <c r="M45" s="19"/>
      <c r="N45" s="19"/>
      <c r="O45" s="19"/>
      <c r="P45" s="19"/>
      <c r="Q45" s="19"/>
      <c r="R45" s="19"/>
      <c r="S45" s="19"/>
      <c r="T45" s="19"/>
      <c r="U45" s="19"/>
      <c r="V45" s="19"/>
      <c r="W45" s="19"/>
      <c r="X45" s="19"/>
      <c r="Y45" s="19"/>
      <c r="Z45" s="19"/>
      <c r="AA45" s="19"/>
      <c r="AB45" s="19"/>
      <c r="AC45" s="19"/>
      <c r="AD45" s="19"/>
      <c r="AE45" s="19"/>
      <c r="AF45" s="19"/>
      <c r="AG45" s="19"/>
      <c r="AH45" s="19"/>
      <c r="AI45" s="19"/>
      <c r="AJ45" s="19"/>
      <c r="AK45" s="19"/>
      <c r="AL45" s="19"/>
      <c r="AM45" s="19"/>
      <c r="AN45" s="19"/>
      <c r="AO45" s="19"/>
      <c r="AP45" s="19"/>
      <c r="AQ45" s="19"/>
      <c r="AR45" s="19"/>
    </row>
    <row r="46" spans="1:45" s="2" customFormat="1" ht="30" customHeight="1" x14ac:dyDescent="0.2">
      <c r="B46" s="10"/>
      <c r="C46" s="19" t="s">
        <v>17</v>
      </c>
      <c r="D46" s="19"/>
      <c r="E46" s="19"/>
      <c r="F46" s="19"/>
      <c r="G46" s="19"/>
      <c r="H46" s="19"/>
      <c r="I46" s="19"/>
      <c r="J46" s="19"/>
      <c r="K46" s="19"/>
      <c r="L46" s="19"/>
      <c r="M46" s="19"/>
      <c r="N46" s="19"/>
      <c r="O46" s="19"/>
      <c r="P46" s="19"/>
      <c r="Q46" s="19"/>
      <c r="R46" s="19"/>
      <c r="S46" s="19"/>
      <c r="T46" s="19"/>
      <c r="U46" s="19"/>
      <c r="V46" s="19"/>
      <c r="W46" s="19"/>
      <c r="X46" s="19"/>
      <c r="Y46" s="19"/>
      <c r="Z46" s="19"/>
      <c r="AA46" s="19"/>
      <c r="AB46" s="19"/>
      <c r="AC46" s="19"/>
      <c r="AD46" s="19"/>
      <c r="AE46" s="19"/>
      <c r="AF46" s="19"/>
      <c r="AG46" s="19"/>
      <c r="AH46" s="19"/>
      <c r="AI46" s="19"/>
      <c r="AJ46" s="19"/>
      <c r="AK46" s="19"/>
      <c r="AL46" s="19"/>
      <c r="AM46" s="19"/>
      <c r="AN46" s="19"/>
      <c r="AO46" s="19"/>
      <c r="AP46" s="19"/>
      <c r="AQ46" s="19"/>
      <c r="AR46" s="19"/>
    </row>
    <row r="47" spans="1:45" s="2" customFormat="1" ht="30" customHeight="1" x14ac:dyDescent="0.2">
      <c r="B47" s="10"/>
      <c r="C47" s="11"/>
    </row>
    <row r="48" spans="1:45" s="2" customFormat="1" ht="25.5" customHeight="1" x14ac:dyDescent="0.2">
      <c r="B48" s="10"/>
    </row>
    <row r="49" spans="1:45" s="2" customFormat="1" ht="25.5" customHeight="1" x14ac:dyDescent="0.2">
      <c r="B49" s="10"/>
      <c r="C49" s="11"/>
    </row>
    <row r="50" spans="1:45" s="2" customFormat="1" ht="77.25" customHeight="1" x14ac:dyDescent="0.2"/>
    <row r="51" spans="1:45" s="2" customFormat="1" ht="77.25" customHeight="1" x14ac:dyDescent="0.2"/>
    <row r="52" spans="1:45" ht="18" customHeight="1" x14ac:dyDescent="0.15">
      <c r="A52" s="4"/>
      <c r="B52" s="4"/>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row>
    <row r="53" spans="1:45" ht="14.25" x14ac:dyDescent="0.15">
      <c r="A53" s="4"/>
      <c r="B53" s="4"/>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row>
  </sheetData>
  <mergeCells count="9">
    <mergeCell ref="AC17:AS18"/>
    <mergeCell ref="AC21:AS21"/>
    <mergeCell ref="AD22:AS22"/>
    <mergeCell ref="AD25:AS26"/>
    <mergeCell ref="C46:AR46"/>
    <mergeCell ref="A11:AS11"/>
    <mergeCell ref="C45:AR45"/>
    <mergeCell ref="B31:AR31"/>
    <mergeCell ref="B35:AR40"/>
  </mergeCells>
  <phoneticPr fontId="2"/>
  <pageMargins left="0.78740157480314965" right="0.59055118110236227" top="0.39370078740157483" bottom="0.39370078740157483" header="0.51181102362204722" footer="0.35433070866141736"/>
  <pageSetup paperSize="9" scale="69" fitToHeight="0"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大阪市税等に関する誓約書</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6-05-15T08:44:58Z</dcterms:created>
  <dcterms:modified xsi:type="dcterms:W3CDTF">2026-05-15T08:46:47Z</dcterms:modified>
</cp:coreProperties>
</file>